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56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BD55ACB-BAD8-46A5-8257-2AD8D3546590}" v="26859" dt="2022-10-24T22:27:43.61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3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2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11" Type="http://schemas.openxmlformats.org/officeDocument/2006/relationships/tags" Target="../tags/tag211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224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OTLSHAPE_SL_29ffc7239ae648e183aafa97f00397ff_BackgroundRectangle"/>
          <p:cNvSpPr/>
          <p:nvPr>
            <p:custDataLst>
              <p:tags r:id="rId2"/>
            </p:custDataLst>
          </p:nvPr>
        </p:nvSpPr>
        <p:spPr>
          <a:xfrm>
            <a:off x="63500" y="2772622"/>
            <a:ext cx="112903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5" name="OTLSHAPE_SL_ffa25be1d2a3496c816dcb226cca3c1b_BackgroundRectangle"/>
          <p:cNvSpPr/>
          <p:nvPr>
            <p:custDataLst>
              <p:tags r:id="rId3"/>
            </p:custDataLst>
          </p:nvPr>
        </p:nvSpPr>
        <p:spPr>
          <a:xfrm>
            <a:off x="63500" y="3500078"/>
            <a:ext cx="11290300" cy="8725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8" name="OTLSHAPE_SL_4078dd3b0c1d4e20a27e4683aa888ee4_BackgroundRectangle"/>
          <p:cNvSpPr/>
          <p:nvPr>
            <p:custDataLst>
              <p:tags r:id="rId4"/>
            </p:custDataLst>
          </p:nvPr>
        </p:nvSpPr>
        <p:spPr>
          <a:xfrm>
            <a:off x="63500" y="4436152"/>
            <a:ext cx="112903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OTLSHAPE_SL_a15694a42838489b94aeb4cf1f190594_BackgroundRectangle"/>
          <p:cNvSpPr/>
          <p:nvPr>
            <p:custDataLst>
              <p:tags r:id="rId5"/>
            </p:custDataLst>
          </p:nvPr>
        </p:nvSpPr>
        <p:spPr>
          <a:xfrm>
            <a:off x="63500" y="4954990"/>
            <a:ext cx="112903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4" name="OTLSHAPE_SL_e8d5e1938666470fb8f375e5fe499ad6_BackgroundRectangle"/>
          <p:cNvSpPr/>
          <p:nvPr>
            <p:custDataLst>
              <p:tags r:id="rId6"/>
            </p:custDataLst>
          </p:nvPr>
        </p:nvSpPr>
        <p:spPr>
          <a:xfrm>
            <a:off x="63500" y="5682446"/>
            <a:ext cx="112903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7" name="OTLSHAPE_SL_0ff59c0f581e435c970f44ef58dd5758_BackgroundRectangle"/>
          <p:cNvSpPr/>
          <p:nvPr>
            <p:custDataLst>
              <p:tags r:id="rId7"/>
            </p:custDataLst>
          </p:nvPr>
        </p:nvSpPr>
        <p:spPr>
          <a:xfrm>
            <a:off x="63500" y="6201283"/>
            <a:ext cx="11290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0" name="OTLSHAPE_SL_bee75a2af3a045c69c3adca1bd7408e1_BackgroundRectangle"/>
          <p:cNvSpPr/>
          <p:nvPr>
            <p:custDataLst>
              <p:tags r:id="rId8"/>
            </p:custDataLst>
          </p:nvPr>
        </p:nvSpPr>
        <p:spPr>
          <a:xfrm>
            <a:off x="63500" y="6544183"/>
            <a:ext cx="11290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7" name="OTLSHAPE_SL2A_64d3e4140bf748eabee26ba73cf16703_BackgroundRectangle" hidden="1"/>
          <p:cNvSpPr/>
          <p:nvPr>
            <p:custDataLst>
              <p:tags r:id="rId9"/>
            </p:custDataLst>
          </p:nvPr>
        </p:nvSpPr>
        <p:spPr>
          <a:xfrm>
            <a:off x="1580753" y="2772622"/>
            <a:ext cx="97790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4" name="OTLSHAPE_SL2A_dde759862f8a42afb7ef1c3caa9eed3c_BackgroundRectangle" hidden="1"/>
          <p:cNvSpPr/>
          <p:nvPr>
            <p:custDataLst>
              <p:tags r:id="rId10"/>
            </p:custDataLst>
          </p:nvPr>
        </p:nvSpPr>
        <p:spPr>
          <a:xfrm>
            <a:off x="1580753" y="3500078"/>
            <a:ext cx="9779000" cy="8725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9" name="OTLSHAPE_SL2A_5d99b34b03314226a09171e18c5e9a65_BackgroundRectangle" hidden="1"/>
          <p:cNvSpPr/>
          <p:nvPr>
            <p:custDataLst>
              <p:tags r:id="rId11"/>
            </p:custDataLst>
          </p:nvPr>
        </p:nvSpPr>
        <p:spPr>
          <a:xfrm>
            <a:off x="1580753" y="4436152"/>
            <a:ext cx="97790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8" name="OTLSHAPE_SL2A_25e98b872c84404ab72f912ae142afc6_BackgroundRectangle" hidden="1"/>
          <p:cNvSpPr/>
          <p:nvPr>
            <p:custDataLst>
              <p:tags r:id="rId12"/>
            </p:custDataLst>
          </p:nvPr>
        </p:nvSpPr>
        <p:spPr>
          <a:xfrm>
            <a:off x="1580753" y="4954990"/>
            <a:ext cx="97790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5" name="OTLSHAPE_SL2A_acb8d13d6dad44848cc2d84a423c0f52_BackgroundRectangle" hidden="1"/>
          <p:cNvSpPr/>
          <p:nvPr>
            <p:custDataLst>
              <p:tags r:id="rId13"/>
            </p:custDataLst>
          </p:nvPr>
        </p:nvSpPr>
        <p:spPr>
          <a:xfrm>
            <a:off x="1580753" y="5682446"/>
            <a:ext cx="97790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4" name="OTLSHAPE_SL2A_1043b0fe88004349b16394cc8bba7f05_BackgroundRectangle" hidden="1"/>
          <p:cNvSpPr/>
          <p:nvPr>
            <p:custDataLst>
              <p:tags r:id="rId14"/>
            </p:custDataLst>
          </p:nvPr>
        </p:nvSpPr>
        <p:spPr>
          <a:xfrm>
            <a:off x="1580753" y="6201283"/>
            <a:ext cx="97790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5" name="OTLSHAPE_SL2A_8726f371c6cf4a0eb072259a996a4c55_BackgroundRectangle" hidden="1"/>
          <p:cNvSpPr/>
          <p:nvPr>
            <p:custDataLst>
              <p:tags r:id="rId15"/>
            </p:custDataLst>
          </p:nvPr>
        </p:nvSpPr>
        <p:spPr>
          <a:xfrm>
            <a:off x="1580753" y="6544183"/>
            <a:ext cx="97790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" name="OTLSHAPE_TB_00000000000000000000000000000000_LeftEndCaps" hidden="1"/>
          <p:cNvSpPr txBox="1"/>
          <p:nvPr>
            <p:custDataLst>
              <p:tags r:id="rId1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de-DE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RightEndCaps"/>
          <p:cNvSpPr txBox="1"/>
          <p:nvPr>
            <p:custDataLst>
              <p:tags r:id="rId17"/>
            </p:custDataLst>
          </p:nvPr>
        </p:nvSpPr>
        <p:spPr>
          <a:xfrm>
            <a:off x="11474534" y="20321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de-DE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M_d95380b46d864e07899ae071490a1d48_Connector1"/>
          <p:cNvCxnSpPr/>
          <p:nvPr>
            <p:custDataLst>
              <p:tags r:id="rId18"/>
            </p:custDataLst>
          </p:nvPr>
        </p:nvCxnSpPr>
        <p:spPr>
          <a:xfrm>
            <a:off x="9709006" y="1596178"/>
            <a:ext cx="0" cy="44852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36790f23173f4d519245b84d2cec37dc_Connector1"/>
          <p:cNvCxnSpPr/>
          <p:nvPr>
            <p:custDataLst>
              <p:tags r:id="rId19"/>
            </p:custDataLst>
          </p:nvPr>
        </p:nvCxnSpPr>
        <p:spPr>
          <a:xfrm>
            <a:off x="9358378" y="1388957"/>
            <a:ext cx="0" cy="592243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6757b9b73c444e72a3847893ff5aa830_Connector1"/>
          <p:cNvCxnSpPr/>
          <p:nvPr>
            <p:custDataLst>
              <p:tags r:id="rId20"/>
            </p:custDataLst>
          </p:nvPr>
        </p:nvCxnSpPr>
        <p:spPr>
          <a:xfrm>
            <a:off x="9281871" y="923713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6757b9b73c444e72a3847893ff5aa830_Connector2"/>
          <p:cNvCxnSpPr/>
          <p:nvPr>
            <p:custDataLst>
              <p:tags r:id="rId21"/>
            </p:custDataLst>
          </p:nvPr>
        </p:nvCxnSpPr>
        <p:spPr>
          <a:xfrm>
            <a:off x="9281871" y="1363557"/>
            <a:ext cx="0" cy="617643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4ad8bab973241a98f6eb1c35b6be9ed_Connector1"/>
          <p:cNvCxnSpPr/>
          <p:nvPr>
            <p:custDataLst>
              <p:tags r:id="rId22"/>
            </p:custDataLst>
          </p:nvPr>
        </p:nvCxnSpPr>
        <p:spPr>
          <a:xfrm>
            <a:off x="8803708" y="458470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04ad8bab973241a98f6eb1c35b6be9ed_Connector2"/>
          <p:cNvCxnSpPr/>
          <p:nvPr>
            <p:custDataLst>
              <p:tags r:id="rId23"/>
            </p:custDataLst>
          </p:nvPr>
        </p:nvCxnSpPr>
        <p:spPr>
          <a:xfrm>
            <a:off x="8803708" y="717889"/>
            <a:ext cx="0" cy="294724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04ad8bab973241a98f6eb1c35b6be9ed_Connector3"/>
          <p:cNvCxnSpPr/>
          <p:nvPr>
            <p:custDataLst>
              <p:tags r:id="rId24"/>
            </p:custDataLst>
          </p:nvPr>
        </p:nvCxnSpPr>
        <p:spPr>
          <a:xfrm>
            <a:off x="8803708" y="1183132"/>
            <a:ext cx="0" cy="79806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1707753" y="2044700"/>
            <a:ext cx="96520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3" name="OTLSHAPE_SL_29ffc7239ae648e183aafa97f00397ff_HeaderRectangle"/>
          <p:cNvSpPr/>
          <p:nvPr>
            <p:custDataLst>
              <p:tags r:id="rId26"/>
            </p:custDataLst>
          </p:nvPr>
        </p:nvSpPr>
        <p:spPr>
          <a:xfrm>
            <a:off x="63500" y="2772622"/>
            <a:ext cx="1524000" cy="66395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6" name="OTLSHAPE_SL_ffa25be1d2a3496c816dcb226cca3c1b_HeaderRectangle"/>
          <p:cNvSpPr/>
          <p:nvPr>
            <p:custDataLst>
              <p:tags r:id="rId27"/>
            </p:custDataLst>
          </p:nvPr>
        </p:nvSpPr>
        <p:spPr>
          <a:xfrm>
            <a:off x="63500" y="3500078"/>
            <a:ext cx="1524000" cy="87257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9" name="OTLSHAPE_SL_4078dd3b0c1d4e20a27e4683aa888ee4_HeaderRectangle"/>
          <p:cNvSpPr/>
          <p:nvPr>
            <p:custDataLst>
              <p:tags r:id="rId28"/>
            </p:custDataLst>
          </p:nvPr>
        </p:nvSpPr>
        <p:spPr>
          <a:xfrm>
            <a:off x="63500" y="4436152"/>
            <a:ext cx="1524000" cy="455337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2" name="OTLSHAPE_SL_a15694a42838489b94aeb4cf1f190594_HeaderRectangle"/>
          <p:cNvSpPr/>
          <p:nvPr>
            <p:custDataLst>
              <p:tags r:id="rId29"/>
            </p:custDataLst>
          </p:nvPr>
        </p:nvSpPr>
        <p:spPr>
          <a:xfrm>
            <a:off x="63500" y="4954990"/>
            <a:ext cx="1524000" cy="66395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5" name="OTLSHAPE_SL_e8d5e1938666470fb8f375e5fe499ad6_HeaderRectangle"/>
          <p:cNvSpPr/>
          <p:nvPr>
            <p:custDataLst>
              <p:tags r:id="rId30"/>
            </p:custDataLst>
          </p:nvPr>
        </p:nvSpPr>
        <p:spPr>
          <a:xfrm>
            <a:off x="63500" y="5682446"/>
            <a:ext cx="1524000" cy="455337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8" name="OTLSHAPE_SL_0ff59c0f581e435c970f44ef58dd5758_HeaderRectangle"/>
          <p:cNvSpPr/>
          <p:nvPr>
            <p:custDataLst>
              <p:tags r:id="rId31"/>
            </p:custDataLst>
          </p:nvPr>
        </p:nvSpPr>
        <p:spPr>
          <a:xfrm>
            <a:off x="63500" y="6201283"/>
            <a:ext cx="15240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1" name="OTLSHAPE_SL_bee75a2af3a045c69c3adca1bd7408e1_HeaderRectangle"/>
          <p:cNvSpPr/>
          <p:nvPr>
            <p:custDataLst>
              <p:tags r:id="rId32"/>
            </p:custDataLst>
          </p:nvPr>
        </p:nvSpPr>
        <p:spPr>
          <a:xfrm>
            <a:off x="63500" y="6544183"/>
            <a:ext cx="1524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5" name="OTLSHAPE_SL2A_64d3e4140bf748eabee26ba73cf16703_HeaderRectangle" hidden="1"/>
          <p:cNvSpPr/>
          <p:nvPr>
            <p:custDataLst>
              <p:tags r:id="rId33"/>
            </p:custDataLst>
          </p:nvPr>
        </p:nvSpPr>
        <p:spPr>
          <a:xfrm>
            <a:off x="1580753" y="277262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2" name="OTLSHAPE_SL2A_dde759862f8a42afb7ef1c3caa9eed3c_HeaderRectangle" hidden="1"/>
          <p:cNvSpPr/>
          <p:nvPr>
            <p:custDataLst>
              <p:tags r:id="rId34"/>
            </p:custDataLst>
          </p:nvPr>
        </p:nvSpPr>
        <p:spPr>
          <a:xfrm>
            <a:off x="1580753" y="350007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7" name="OTLSHAPE_SL2A_5d99b34b03314226a09171e18c5e9a65_HeaderRectangle" hidden="1"/>
          <p:cNvSpPr/>
          <p:nvPr>
            <p:custDataLst>
              <p:tags r:id="rId35"/>
            </p:custDataLst>
          </p:nvPr>
        </p:nvSpPr>
        <p:spPr>
          <a:xfrm>
            <a:off x="1580753" y="443615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6" name="OTLSHAPE_SL2A_25e98b872c84404ab72f912ae142afc6_HeaderRectangle" hidden="1"/>
          <p:cNvSpPr/>
          <p:nvPr>
            <p:custDataLst>
              <p:tags r:id="rId36"/>
            </p:custDataLst>
          </p:nvPr>
        </p:nvSpPr>
        <p:spPr>
          <a:xfrm>
            <a:off x="1580753" y="495499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3" name="OTLSHAPE_SL2A_acb8d13d6dad44848cc2d84a423c0f52_HeaderRectangle" hidden="1"/>
          <p:cNvSpPr/>
          <p:nvPr>
            <p:custDataLst>
              <p:tags r:id="rId37"/>
            </p:custDataLst>
          </p:nvPr>
        </p:nvSpPr>
        <p:spPr>
          <a:xfrm>
            <a:off x="1580753" y="568244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2" name="OTLSHAPE_SL2A_1043b0fe88004349b16394cc8bba7f05_HeaderRectangle" hidden="1"/>
          <p:cNvSpPr/>
          <p:nvPr>
            <p:custDataLst>
              <p:tags r:id="rId38"/>
            </p:custDataLst>
          </p:nvPr>
        </p:nvSpPr>
        <p:spPr>
          <a:xfrm>
            <a:off x="1580753" y="620128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3" name="OTLSHAPE_SL2A_8726f371c6cf4a0eb072259a996a4c55_HeaderRectangle" hidden="1"/>
          <p:cNvSpPr/>
          <p:nvPr>
            <p:custDataLst>
              <p:tags r:id="rId39"/>
            </p:custDataLst>
          </p:nvPr>
        </p:nvSpPr>
        <p:spPr>
          <a:xfrm>
            <a:off x="1580753" y="654418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73" name="OTLSHAPE_G_00000000000000000000000000000000_ShapeBelow0"/>
          <p:cNvCxnSpPr/>
          <p:nvPr>
            <p:custDataLst>
              <p:tags r:id="rId40"/>
            </p:custDataLst>
          </p:nvPr>
        </p:nvCxnSpPr>
        <p:spPr>
          <a:xfrm>
            <a:off x="4921010" y="2298700"/>
            <a:ext cx="0" cy="452488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1"/>
          <p:cNvCxnSpPr/>
          <p:nvPr>
            <p:custDataLst>
              <p:tags r:id="rId41"/>
            </p:custDataLst>
          </p:nvPr>
        </p:nvCxnSpPr>
        <p:spPr>
          <a:xfrm>
            <a:off x="8134272" y="2298700"/>
            <a:ext cx="0" cy="452488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SLT_6811f43bb370408eaf84ed683252ed8f_Shape"/>
          <p:cNvSpPr/>
          <p:nvPr>
            <p:custDataLst>
              <p:tags r:id="rId42"/>
            </p:custDataLst>
          </p:nvPr>
        </p:nvSpPr>
        <p:spPr>
          <a:xfrm>
            <a:off x="3237878" y="2832481"/>
            <a:ext cx="5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6" name="OTLSHAPE_SLT_c46e8b78efa34998ac711fdfbd58b965_Shape"/>
          <p:cNvSpPr/>
          <p:nvPr>
            <p:custDataLst>
              <p:tags r:id="rId43"/>
            </p:custDataLst>
          </p:nvPr>
        </p:nvSpPr>
        <p:spPr>
          <a:xfrm>
            <a:off x="3276131" y="3041100"/>
            <a:ext cx="63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4" name="OTLSHAPE_SLT_8cd732c8f0724a7ebbaecd4ce58d586f_Shape"/>
          <p:cNvSpPr/>
          <p:nvPr>
            <p:custDataLst>
              <p:tags r:id="rId44"/>
            </p:custDataLst>
          </p:nvPr>
        </p:nvSpPr>
        <p:spPr>
          <a:xfrm>
            <a:off x="3333511" y="3249718"/>
            <a:ext cx="393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5" name="OTLSHAPE_SLT_7579ecc2279e4d4e8dcf36cc86868171_Shape"/>
          <p:cNvSpPr/>
          <p:nvPr>
            <p:custDataLst>
              <p:tags r:id="rId45"/>
            </p:custDataLst>
          </p:nvPr>
        </p:nvSpPr>
        <p:spPr>
          <a:xfrm>
            <a:off x="3716042" y="3559937"/>
            <a:ext cx="5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3" name="OTLSHAPE_SLT_c17e125444cc40aeac8e6cc920f81454_Shape"/>
          <p:cNvSpPr/>
          <p:nvPr>
            <p:custDataLst>
              <p:tags r:id="rId46"/>
            </p:custDataLst>
          </p:nvPr>
        </p:nvSpPr>
        <p:spPr>
          <a:xfrm>
            <a:off x="3754295" y="3768556"/>
            <a:ext cx="5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1" name="OTLSHAPE_SLT_b1659d5535584c5994eb61c225351bd1_Shape"/>
          <p:cNvSpPr/>
          <p:nvPr>
            <p:custDataLst>
              <p:tags r:id="rId47"/>
            </p:custDataLst>
          </p:nvPr>
        </p:nvSpPr>
        <p:spPr>
          <a:xfrm>
            <a:off x="3792548" y="3977174"/>
            <a:ext cx="132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9" name="OTLSHAPE_SLT_86190e7837214becb55c8d597a484200_Shape"/>
          <p:cNvSpPr/>
          <p:nvPr>
            <p:custDataLst>
              <p:tags r:id="rId48"/>
            </p:custDataLst>
          </p:nvPr>
        </p:nvSpPr>
        <p:spPr>
          <a:xfrm>
            <a:off x="5093155" y="4185793"/>
            <a:ext cx="88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" name="OTLSHAPE_SLT_ce1c3f2219b2401b9192e20dc76040e0_Shape"/>
          <p:cNvSpPr/>
          <p:nvPr>
            <p:custDataLst>
              <p:tags r:id="rId49"/>
            </p:custDataLst>
          </p:nvPr>
        </p:nvSpPr>
        <p:spPr>
          <a:xfrm>
            <a:off x="5533065" y="4496012"/>
            <a:ext cx="508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8" name="OTLSHAPE_SLT_79f72739f7a74d44a125fe8d13cca6a8_Shape"/>
          <p:cNvSpPr/>
          <p:nvPr>
            <p:custDataLst>
              <p:tags r:id="rId50"/>
            </p:custDataLst>
          </p:nvPr>
        </p:nvSpPr>
        <p:spPr>
          <a:xfrm>
            <a:off x="6030356" y="4704630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9" name="OTLSHAPE_SLT_584518b5e9b543349fb69d6d9bbe54de_Shape"/>
          <p:cNvSpPr/>
          <p:nvPr>
            <p:custDataLst>
              <p:tags r:id="rId51"/>
            </p:custDataLst>
          </p:nvPr>
        </p:nvSpPr>
        <p:spPr>
          <a:xfrm>
            <a:off x="7024937" y="5014849"/>
            <a:ext cx="1282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7" name="OTLSHAPE_SLT_d6e06bbc8c834033a86da293408f383f_Shape"/>
          <p:cNvSpPr/>
          <p:nvPr>
            <p:custDataLst>
              <p:tags r:id="rId52"/>
            </p:custDataLst>
          </p:nvPr>
        </p:nvSpPr>
        <p:spPr>
          <a:xfrm>
            <a:off x="8306417" y="5223468"/>
            <a:ext cx="101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5" name="OTLSHAPE_SLT_fad98addae47425484235721a754da6d_Shape"/>
          <p:cNvSpPr/>
          <p:nvPr>
            <p:custDataLst>
              <p:tags r:id="rId53"/>
            </p:custDataLst>
          </p:nvPr>
        </p:nvSpPr>
        <p:spPr>
          <a:xfrm>
            <a:off x="8402050" y="5432086"/>
            <a:ext cx="4064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6" name="OTLSHAPE_SLT_0715a09eccc04ba19f66be2454df473f_Shape"/>
          <p:cNvSpPr/>
          <p:nvPr>
            <p:custDataLst>
              <p:tags r:id="rId54"/>
            </p:custDataLst>
          </p:nvPr>
        </p:nvSpPr>
        <p:spPr>
          <a:xfrm>
            <a:off x="8803708" y="5742305"/>
            <a:ext cx="101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94" name="OTLSHAPE_SLT_09926dfe9b364aff97415b911919d64c_Shape"/>
          <p:cNvSpPr/>
          <p:nvPr>
            <p:custDataLst>
              <p:tags r:id="rId55"/>
            </p:custDataLst>
          </p:nvPr>
        </p:nvSpPr>
        <p:spPr>
          <a:xfrm>
            <a:off x="9205365" y="5950924"/>
            <a:ext cx="88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5" name="OTLSHAPE_SLT_4498e3ce5a624e379c41dc5320d32c8a_Shape"/>
          <p:cNvSpPr/>
          <p:nvPr>
            <p:custDataLst>
              <p:tags r:id="rId56"/>
            </p:custDataLst>
          </p:nvPr>
        </p:nvSpPr>
        <p:spPr>
          <a:xfrm>
            <a:off x="9281871" y="6261142"/>
            <a:ext cx="88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6" name="OTLSHAPE_SLT_39e8fa5ce17a41ee90dcbfa48c251789_Shape"/>
          <p:cNvSpPr/>
          <p:nvPr>
            <p:custDataLst>
              <p:tags r:id="rId57"/>
            </p:custDataLst>
          </p:nvPr>
        </p:nvSpPr>
        <p:spPr>
          <a:xfrm>
            <a:off x="9664402" y="6604043"/>
            <a:ext cx="5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" name="OTLSHAPE_TB_00000000000000000000000000000000_ElapsedTime"/>
          <p:cNvSpPr/>
          <p:nvPr>
            <p:custDataLst>
              <p:tags r:id="rId58"/>
            </p:custDataLst>
          </p:nvPr>
        </p:nvSpPr>
        <p:spPr>
          <a:xfrm>
            <a:off x="1707753" y="2247900"/>
            <a:ext cx="44069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9" name="OTLSHAPE_SLT_6811f43bb370408eaf84ed683252ed8f_ShapePercentage" hidden="1"/>
          <p:cNvSpPr/>
          <p:nvPr>
            <p:custDataLst>
              <p:tags r:id="rId59"/>
            </p:custDataLst>
          </p:nvPr>
        </p:nvSpPr>
        <p:spPr>
          <a:xfrm>
            <a:off x="3237878" y="283248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7" name="OTLSHAPE_SLT_c46e8b78efa34998ac711fdfbd58b965_ShapePercentage" hidden="1"/>
          <p:cNvSpPr/>
          <p:nvPr>
            <p:custDataLst>
              <p:tags r:id="rId60"/>
            </p:custDataLst>
          </p:nvPr>
        </p:nvSpPr>
        <p:spPr>
          <a:xfrm>
            <a:off x="3276131" y="3041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5" name="OTLSHAPE_SLT_8cd732c8f0724a7ebbaecd4ce58d586f_ShapePercentage" hidden="1"/>
          <p:cNvSpPr/>
          <p:nvPr>
            <p:custDataLst>
              <p:tags r:id="rId61"/>
            </p:custDataLst>
          </p:nvPr>
        </p:nvSpPr>
        <p:spPr>
          <a:xfrm>
            <a:off x="3333511" y="324971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6" name="OTLSHAPE_SLT_7579ecc2279e4d4e8dcf36cc86868171_ShapePercentage" hidden="1"/>
          <p:cNvSpPr/>
          <p:nvPr>
            <p:custDataLst>
              <p:tags r:id="rId62"/>
            </p:custDataLst>
          </p:nvPr>
        </p:nvSpPr>
        <p:spPr>
          <a:xfrm>
            <a:off x="3716042" y="35599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4" name="OTLSHAPE_SLT_c17e125444cc40aeac8e6cc920f81454_ShapePercentage" hidden="1"/>
          <p:cNvSpPr/>
          <p:nvPr>
            <p:custDataLst>
              <p:tags r:id="rId63"/>
            </p:custDataLst>
          </p:nvPr>
        </p:nvSpPr>
        <p:spPr>
          <a:xfrm>
            <a:off x="3754295" y="37685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2" name="OTLSHAPE_SLT_b1659d5535584c5994eb61c225351bd1_ShapePercentage" hidden="1"/>
          <p:cNvSpPr/>
          <p:nvPr>
            <p:custDataLst>
              <p:tags r:id="rId64"/>
            </p:custDataLst>
          </p:nvPr>
        </p:nvSpPr>
        <p:spPr>
          <a:xfrm>
            <a:off x="3792548" y="397717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0" name="OTLSHAPE_SLT_86190e7837214becb55c8d597a484200_ShapePercentage" hidden="1"/>
          <p:cNvSpPr/>
          <p:nvPr>
            <p:custDataLst>
              <p:tags r:id="rId65"/>
            </p:custDataLst>
          </p:nvPr>
        </p:nvSpPr>
        <p:spPr>
          <a:xfrm>
            <a:off x="5093155" y="418579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1" name="OTLSHAPE_SLT_ce1c3f2219b2401b9192e20dc76040e0_ShapePercentage" hidden="1"/>
          <p:cNvSpPr/>
          <p:nvPr>
            <p:custDataLst>
              <p:tags r:id="rId66"/>
            </p:custDataLst>
          </p:nvPr>
        </p:nvSpPr>
        <p:spPr>
          <a:xfrm>
            <a:off x="5533065" y="449601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9" name="OTLSHAPE_SLT_79f72739f7a74d44a125fe8d13cca6a8_ShapePercentage" hidden="1"/>
          <p:cNvSpPr/>
          <p:nvPr>
            <p:custDataLst>
              <p:tags r:id="rId67"/>
            </p:custDataLst>
          </p:nvPr>
        </p:nvSpPr>
        <p:spPr>
          <a:xfrm>
            <a:off x="6030356" y="47046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0" name="OTLSHAPE_SLT_584518b5e9b543349fb69d6d9bbe54de_ShapePercentage" hidden="1"/>
          <p:cNvSpPr/>
          <p:nvPr>
            <p:custDataLst>
              <p:tags r:id="rId68"/>
            </p:custDataLst>
          </p:nvPr>
        </p:nvSpPr>
        <p:spPr>
          <a:xfrm>
            <a:off x="7024937" y="501484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8" name="OTLSHAPE_SLT_d6e06bbc8c834033a86da293408f383f_ShapePercentage" hidden="1"/>
          <p:cNvSpPr/>
          <p:nvPr>
            <p:custDataLst>
              <p:tags r:id="rId69"/>
            </p:custDataLst>
          </p:nvPr>
        </p:nvSpPr>
        <p:spPr>
          <a:xfrm>
            <a:off x="8306417" y="522346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6" name="OTLSHAPE_SLT_fad98addae47425484235721a754da6d_ShapePercentage" hidden="1"/>
          <p:cNvSpPr/>
          <p:nvPr>
            <p:custDataLst>
              <p:tags r:id="rId70"/>
            </p:custDataLst>
          </p:nvPr>
        </p:nvSpPr>
        <p:spPr>
          <a:xfrm>
            <a:off x="8402050" y="54320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7" name="OTLSHAPE_SLT_0715a09eccc04ba19f66be2454df473f_ShapePercentage" hidden="1"/>
          <p:cNvSpPr/>
          <p:nvPr>
            <p:custDataLst>
              <p:tags r:id="rId71"/>
            </p:custDataLst>
          </p:nvPr>
        </p:nvSpPr>
        <p:spPr>
          <a:xfrm>
            <a:off x="8803708" y="57423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95" name="OTLSHAPE_SLT_09926dfe9b364aff97415b911919d64c_ShapePercentage" hidden="1"/>
          <p:cNvSpPr/>
          <p:nvPr>
            <p:custDataLst>
              <p:tags r:id="rId72"/>
            </p:custDataLst>
          </p:nvPr>
        </p:nvSpPr>
        <p:spPr>
          <a:xfrm>
            <a:off x="9205365" y="595092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6" name="OTLSHAPE_SLT_4498e3ce5a624e379c41dc5320d32c8a_ShapePercentage" hidden="1"/>
          <p:cNvSpPr/>
          <p:nvPr>
            <p:custDataLst>
              <p:tags r:id="rId73"/>
            </p:custDataLst>
          </p:nvPr>
        </p:nvSpPr>
        <p:spPr>
          <a:xfrm>
            <a:off x="9281871" y="626114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7" name="OTLSHAPE_SLT_39e8fa5ce17a41ee90dcbfa48c251789_ShapePercentage" hidden="1"/>
          <p:cNvSpPr/>
          <p:nvPr>
            <p:custDataLst>
              <p:tags r:id="rId74"/>
            </p:custDataLst>
          </p:nvPr>
        </p:nvSpPr>
        <p:spPr>
          <a:xfrm>
            <a:off x="9664402" y="660404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4" name="OTLSHAPE_SL_29ffc7239ae648e183aafa97f00397ff_Header"/>
          <p:cNvSpPr txBox="1"/>
          <p:nvPr>
            <p:custDataLst>
              <p:tags r:id="rId75"/>
            </p:custDataLst>
          </p:nvPr>
        </p:nvSpPr>
        <p:spPr>
          <a:xfrm>
            <a:off x="63500" y="3011572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Planung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_ffa25be1d2a3496c816dcb226cca3c1b_Header"/>
          <p:cNvSpPr txBox="1"/>
          <p:nvPr>
            <p:custDataLst>
              <p:tags r:id="rId76"/>
            </p:custDataLst>
          </p:nvPr>
        </p:nvSpPr>
        <p:spPr>
          <a:xfrm>
            <a:off x="63500" y="3843338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_4078dd3b0c1d4e20a27e4683aa888ee4_Header"/>
          <p:cNvSpPr txBox="1"/>
          <p:nvPr>
            <p:custDataLst>
              <p:tags r:id="rId77"/>
            </p:custDataLst>
          </p:nvPr>
        </p:nvSpPr>
        <p:spPr>
          <a:xfrm>
            <a:off x="63500" y="4570793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Durchführung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_a15694a42838489b94aeb4cf1f190594_Header"/>
          <p:cNvSpPr txBox="1"/>
          <p:nvPr>
            <p:custDataLst>
              <p:tags r:id="rId78"/>
            </p:custDataLst>
          </p:nvPr>
        </p:nvSpPr>
        <p:spPr>
          <a:xfrm>
            <a:off x="63500" y="5193940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Qualitätsmanagment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_e8d5e1938666470fb8f375e5fe499ad6_Header"/>
          <p:cNvSpPr txBox="1"/>
          <p:nvPr>
            <p:custDataLst>
              <p:tags r:id="rId79"/>
            </p:custDataLst>
          </p:nvPr>
        </p:nvSpPr>
        <p:spPr>
          <a:xfrm>
            <a:off x="63500" y="5817087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Dokumentation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_0ff59c0f581e435c970f44ef58dd5758_Header"/>
          <p:cNvSpPr txBox="1"/>
          <p:nvPr>
            <p:custDataLst>
              <p:tags r:id="rId80"/>
            </p:custDataLst>
          </p:nvPr>
        </p:nvSpPr>
        <p:spPr>
          <a:xfrm>
            <a:off x="63500" y="6247955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Daten Einpflegen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_bee75a2af3a045c69c3adca1bd7408e1_Header"/>
          <p:cNvSpPr txBox="1"/>
          <p:nvPr>
            <p:custDataLst>
              <p:tags r:id="rId81"/>
            </p:custDataLst>
          </p:nvPr>
        </p:nvSpPr>
        <p:spPr>
          <a:xfrm>
            <a:off x="63500" y="6590856"/>
            <a:ext cx="152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200" smtClean="0">
                <a:solidFill>
                  <a:schemeClr val="lt1"/>
                </a:solidFill>
                <a:latin typeface="Calibri" panose="020F0502020204030204" pitchFamily="34" charset="0"/>
              </a:rPr>
              <a:t>Inbetriebnahme</a:t>
            </a:r>
            <a:endParaRPr lang="de-DE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2A_64d3e4140bf748eabee26ba73cf16703_Header" hidden="1"/>
          <p:cNvSpPr txBox="1"/>
          <p:nvPr>
            <p:custDataLst>
              <p:tags r:id="rId8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2A_dde759862f8a42afb7ef1c3caa9eed3c_Header" hidden="1"/>
          <p:cNvSpPr txBox="1"/>
          <p:nvPr>
            <p:custDataLst>
              <p:tags r:id="rId8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2A_5d99b34b03314226a09171e18c5e9a65_Header" hidden="1"/>
          <p:cNvSpPr txBox="1"/>
          <p:nvPr>
            <p:custDataLst>
              <p:tags r:id="rId8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2A_25e98b872c84404ab72f912ae142afc6_Header" hidden="1"/>
          <p:cNvSpPr txBox="1"/>
          <p:nvPr>
            <p:custDataLst>
              <p:tags r:id="rId8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2A_acb8d13d6dad44848cc2d84a423c0f52_Header" hidden="1"/>
          <p:cNvSpPr txBox="1"/>
          <p:nvPr>
            <p:custDataLst>
              <p:tags r:id="rId8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2A_1043b0fe88004349b16394cc8bba7f05_Header" hidden="1"/>
          <p:cNvSpPr txBox="1"/>
          <p:nvPr>
            <p:custDataLst>
              <p:tags r:id="rId8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2A_8726f371c6cf4a0eb072259a996a4c55_Header" hidden="1"/>
          <p:cNvSpPr txBox="1"/>
          <p:nvPr>
            <p:custDataLst>
              <p:tags r:id="rId8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TodayMarkerShape"/>
          <p:cNvSpPr/>
          <p:nvPr>
            <p:custDataLst>
              <p:tags r:id="rId89"/>
            </p:custDataLst>
          </p:nvPr>
        </p:nvSpPr>
        <p:spPr>
          <a:xfrm>
            <a:off x="6070508" y="22987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" name="OTLSHAPE_TB_00000000000000000000000000000000_TodayMarkerText"/>
          <p:cNvSpPr txBox="1"/>
          <p:nvPr>
            <p:custDataLst>
              <p:tags r:id="rId90"/>
            </p:custDataLst>
          </p:nvPr>
        </p:nvSpPr>
        <p:spPr>
          <a:xfrm>
            <a:off x="5926665" y="23833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de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B_00000000000000000000000000000000_TimescaleInterval1"/>
          <p:cNvSpPr txBox="1"/>
          <p:nvPr>
            <p:custDataLst>
              <p:tags r:id="rId91"/>
            </p:custDataLst>
          </p:nvPr>
        </p:nvSpPr>
        <p:spPr>
          <a:xfrm>
            <a:off x="1771253" y="20786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de-DE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TimescaleInterval2"/>
          <p:cNvSpPr txBox="1"/>
          <p:nvPr>
            <p:custDataLst>
              <p:tags r:id="rId92"/>
            </p:custDataLst>
          </p:nvPr>
        </p:nvSpPr>
        <p:spPr>
          <a:xfrm>
            <a:off x="4984516" y="2078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de-DE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3"/>
          <p:cNvSpPr txBox="1"/>
          <p:nvPr>
            <p:custDataLst>
              <p:tags r:id="rId93"/>
            </p:custDataLst>
          </p:nvPr>
        </p:nvSpPr>
        <p:spPr>
          <a:xfrm>
            <a:off x="8197778" y="2078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de-DE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Marking1"/>
          <p:cNvSpPr txBox="1"/>
          <p:nvPr>
            <p:custDataLst>
              <p:tags r:id="rId94"/>
            </p:custDataLst>
          </p:nvPr>
        </p:nvSpPr>
        <p:spPr>
          <a:xfrm>
            <a:off x="1771253" y="18586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  <a:endParaRPr lang="de-DE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6811f43bb370408eaf84ed683252ed8f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6811f43bb370408eaf84ed683252ed8f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6811f43bb370408eaf84ed683252ed8f_Start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6811f43bb370408eaf84ed683252ed8f_En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6811f43bb370408eaf84ed683252ed8f_JoinedDate"/>
          <p:cNvSpPr txBox="1"/>
          <p:nvPr>
            <p:custDataLst>
              <p:tags r:id="rId99"/>
            </p:custDataLst>
          </p:nvPr>
        </p:nvSpPr>
        <p:spPr>
          <a:xfrm>
            <a:off x="2898915" y="28184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6811f43bb370408eaf84ed683252ed8f_Title"/>
          <p:cNvSpPr txBox="1"/>
          <p:nvPr>
            <p:custDataLst>
              <p:tags r:id="rId100"/>
            </p:custDataLst>
          </p:nvPr>
        </p:nvSpPr>
        <p:spPr>
          <a:xfrm>
            <a:off x="3390278" y="281072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Kundenwünsche aufnehmen</a:t>
            </a:r>
            <a:endParaRPr lang="de-DE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c46e8b78efa34998ac711fdfbd58b965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c46e8b78efa34998ac711fdfbd58b965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c46e8b78efa34998ac711fdfbd58b965_Start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c46e8b78efa34998ac711fdfbd58b965_En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c46e8b78efa34998ac711fdfbd58b965_JoinedDate"/>
          <p:cNvSpPr txBox="1"/>
          <p:nvPr>
            <p:custDataLst>
              <p:tags r:id="rId105"/>
            </p:custDataLst>
          </p:nvPr>
        </p:nvSpPr>
        <p:spPr>
          <a:xfrm>
            <a:off x="2840174" y="30270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46e8b78efa34998ac711fdfbd58b965_Title"/>
          <p:cNvSpPr txBox="1"/>
          <p:nvPr>
            <p:custDataLst>
              <p:tags r:id="rId106"/>
            </p:custDataLst>
          </p:nvPr>
        </p:nvSpPr>
        <p:spPr>
          <a:xfrm>
            <a:off x="3435111" y="301934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blaufplan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8cd732c8f0724a7ebbaecd4ce58d586f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8cd732c8f0724a7ebbaecd4ce58d586f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8cd732c8f0724a7ebbaecd4ce58d586f_Start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8cd732c8f0724a7ebbaecd4ce58d586f_En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8cd732c8f0724a7ebbaecd4ce58d586f_JoinedDate"/>
          <p:cNvSpPr txBox="1"/>
          <p:nvPr>
            <p:custDataLst>
              <p:tags r:id="rId111"/>
            </p:custDataLst>
          </p:nvPr>
        </p:nvSpPr>
        <p:spPr>
          <a:xfrm>
            <a:off x="2513125" y="323570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1 - Dec 2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8cd732c8f0724a7ebbaecd4ce58d586f_Title"/>
          <p:cNvSpPr txBox="1"/>
          <p:nvPr>
            <p:custDataLst>
              <p:tags r:id="rId112"/>
            </p:custDataLst>
          </p:nvPr>
        </p:nvSpPr>
        <p:spPr>
          <a:xfrm>
            <a:off x="3817642" y="322795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Kostenaufstellung</a:t>
            </a:r>
            <a:endParaRPr lang="de-D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579ecc2279e4d4e8dcf36cc86868171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579ecc2279e4d4e8dcf36cc86868171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579ecc2279e4d4e8dcf36cc86868171_Start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579ecc2279e4d4e8dcf36cc86868171_En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7579ecc2279e4d4e8dcf36cc86868171_JoinedDate"/>
          <p:cNvSpPr txBox="1"/>
          <p:nvPr>
            <p:custDataLst>
              <p:tags r:id="rId117"/>
            </p:custDataLst>
          </p:nvPr>
        </p:nvSpPr>
        <p:spPr>
          <a:xfrm>
            <a:off x="3280085" y="35459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2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7579ecc2279e4d4e8dcf36cc86868171_Title"/>
          <p:cNvSpPr txBox="1"/>
          <p:nvPr>
            <p:custDataLst>
              <p:tags r:id="rId118"/>
            </p:custDataLst>
          </p:nvPr>
        </p:nvSpPr>
        <p:spPr>
          <a:xfrm>
            <a:off x="3868442" y="3538178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rstellen ER-Modell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17e125444cc40aeac8e6cc920f81454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c17e125444cc40aeac8e6cc920f81454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c17e125444cc40aeac8e6cc920f81454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c17e125444cc40aeac8e6cc920f81454_EndDate" hidden="1"/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c17e125444cc40aeac8e6cc920f81454_JoinedDate"/>
          <p:cNvSpPr txBox="1"/>
          <p:nvPr>
            <p:custDataLst>
              <p:tags r:id="rId123"/>
            </p:custDataLst>
          </p:nvPr>
        </p:nvSpPr>
        <p:spPr>
          <a:xfrm>
            <a:off x="3318339" y="37545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2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c17e125444cc40aeac8e6cc920f81454_Title"/>
          <p:cNvSpPr txBox="1"/>
          <p:nvPr>
            <p:custDataLst>
              <p:tags r:id="rId124"/>
            </p:custDataLst>
          </p:nvPr>
        </p:nvSpPr>
        <p:spPr>
          <a:xfrm>
            <a:off x="3906695" y="374679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nwendungsfalldiagramm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b1659d5535584c5994eb61c225351bd1_Duration" hidden="1"/>
          <p:cNvSpPr txBox="1"/>
          <p:nvPr>
            <p:custDataLst>
              <p:tags r:id="rId125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b1659d5535584c5994eb61c225351bd1_TextPercentage" hidden="1"/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b1659d5535584c5994eb61c225351bd1_StartDate" hidden="1"/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b1659d5535584c5994eb61c225351bd1_EndDate" hidden="1"/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b1659d5535584c5994eb61c225351bd1_JoinedDate"/>
          <p:cNvSpPr txBox="1"/>
          <p:nvPr>
            <p:custDataLst>
              <p:tags r:id="rId129"/>
            </p:custDataLst>
          </p:nvPr>
        </p:nvSpPr>
        <p:spPr>
          <a:xfrm>
            <a:off x="2972163" y="396316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2 - Dec 5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b1659d5535584c5994eb61c225351bd1_Title"/>
          <p:cNvSpPr txBox="1"/>
          <p:nvPr>
            <p:custDataLst>
              <p:tags r:id="rId130"/>
            </p:custDataLst>
          </p:nvPr>
        </p:nvSpPr>
        <p:spPr>
          <a:xfrm>
            <a:off x="5213881" y="3955415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Oberflächengestaltung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86190e7837214becb55c8d597a484200_Duration" hidden="1"/>
          <p:cNvSpPr txBox="1"/>
          <p:nvPr>
            <p:custDataLst>
              <p:tags r:id="rId131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86190e7837214becb55c8d597a484200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86190e7837214becb55c8d597a484200_StartDate" hidden="1"/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86190e7837214becb55c8d597a484200_EndDate" hidden="1"/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86190e7837214becb55c8d597a484200_JoinedDate"/>
          <p:cNvSpPr txBox="1"/>
          <p:nvPr>
            <p:custDataLst>
              <p:tags r:id="rId135"/>
            </p:custDataLst>
          </p:nvPr>
        </p:nvSpPr>
        <p:spPr>
          <a:xfrm>
            <a:off x="4657198" y="417178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86190e7837214becb55c8d597a484200_Title"/>
          <p:cNvSpPr txBox="1"/>
          <p:nvPr>
            <p:custDataLst>
              <p:tags r:id="rId136"/>
            </p:custDataLst>
          </p:nvPr>
        </p:nvSpPr>
        <p:spPr>
          <a:xfrm>
            <a:off x="5271261" y="416403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ingabemasken 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ce1c3f2219b2401b9192e20dc76040e0_Duration" hidden="1"/>
          <p:cNvSpPr txBox="1"/>
          <p:nvPr>
            <p:custDataLst>
              <p:tags r:id="rId137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e1c3f2219b2401b9192e20dc76040e0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ce1c3f2219b2401b9192e20dc76040e0_StartDate" hidden="1"/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ce1c3f2219b2401b9192e20dc76040e0_EndDate" hidden="1"/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ce1c3f2219b2401b9192e20dc76040e0_JoinedDate"/>
          <p:cNvSpPr txBox="1"/>
          <p:nvPr>
            <p:custDataLst>
              <p:tags r:id="rId141"/>
            </p:custDataLst>
          </p:nvPr>
        </p:nvSpPr>
        <p:spPr>
          <a:xfrm>
            <a:off x="4712679" y="448199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6 - Dec 7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ce1c3f2219b2401b9192e20dc76040e0_Title"/>
          <p:cNvSpPr txBox="1"/>
          <p:nvPr>
            <p:custDataLst>
              <p:tags r:id="rId142"/>
            </p:custDataLst>
          </p:nvPr>
        </p:nvSpPr>
        <p:spPr>
          <a:xfrm>
            <a:off x="6131956" y="4474252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tenbank erstellen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79f72739f7a74d44a125fe8d13cca6a8_Duration" hidden="1"/>
          <p:cNvSpPr txBox="1"/>
          <p:nvPr>
            <p:custDataLst>
              <p:tags r:id="rId143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0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79f72739f7a74d44a125fe8d13cca6a8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79f72739f7a74d44a125fe8d13cca6a8_StartDate" hidden="1"/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79f72739f7a74d44a125fe8d13cca6a8_EndDate" hidden="1"/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79f72739f7a74d44a125fe8d13cca6a8_JoinedDate"/>
          <p:cNvSpPr txBox="1"/>
          <p:nvPr>
            <p:custDataLst>
              <p:tags r:id="rId147"/>
            </p:custDataLst>
          </p:nvPr>
        </p:nvSpPr>
        <p:spPr>
          <a:xfrm>
            <a:off x="5209970" y="469061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7 - Dec 9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79f72739f7a74d44a125fe8d13cca6a8_Title"/>
          <p:cNvSpPr txBox="1"/>
          <p:nvPr>
            <p:custDataLst>
              <p:tags r:id="rId148"/>
            </p:custDataLst>
          </p:nvPr>
        </p:nvSpPr>
        <p:spPr>
          <a:xfrm>
            <a:off x="7126537" y="4682871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de Implementierung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584518b5e9b543349fb69d6d9bbe54de_Duration" hidden="1"/>
          <p:cNvSpPr txBox="1"/>
          <p:nvPr>
            <p:custDataLst>
              <p:tags r:id="rId149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584518b5e9b543349fb69d6d9bbe54de_TextPercentage" hidden="1"/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584518b5e9b543349fb69d6d9bbe54de_StartDate" hidden="1"/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584518b5e9b543349fb69d6d9bbe54de_EndDate" hidden="1"/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584518b5e9b543349fb69d6d9bbe54de_JoinedDate"/>
          <p:cNvSpPr txBox="1"/>
          <p:nvPr>
            <p:custDataLst>
              <p:tags r:id="rId153"/>
            </p:custDataLst>
          </p:nvPr>
        </p:nvSpPr>
        <p:spPr>
          <a:xfrm>
            <a:off x="6140162" y="500083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12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T_584518b5e9b543349fb69d6d9bbe54de_Title"/>
          <p:cNvSpPr txBox="1"/>
          <p:nvPr>
            <p:custDataLst>
              <p:tags r:id="rId154"/>
            </p:custDataLst>
          </p:nvPr>
        </p:nvSpPr>
        <p:spPr>
          <a:xfrm>
            <a:off x="8408017" y="4993090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unktionstest erstellen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d6e06bbc8c834033a86da293408f383f_Duration" hidden="1"/>
          <p:cNvSpPr txBox="1"/>
          <p:nvPr>
            <p:custDataLst>
              <p:tags r:id="rId155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d6e06bbc8c834033a86da293408f383f_TextPercentage" hidden="1"/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d6e06bbc8c834033a86da293408f383f_StartDate" hidden="1"/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d6e06bbc8c834033a86da293408f383f_EndDate" hidden="1"/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d6e06bbc8c834033a86da293408f383f_JoinedDate"/>
          <p:cNvSpPr txBox="1"/>
          <p:nvPr>
            <p:custDataLst>
              <p:tags r:id="rId159"/>
            </p:custDataLst>
          </p:nvPr>
        </p:nvSpPr>
        <p:spPr>
          <a:xfrm>
            <a:off x="7806071" y="52094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2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SLT_d6e06bbc8c834033a86da293408f383f_Title"/>
          <p:cNvSpPr txBox="1"/>
          <p:nvPr>
            <p:custDataLst>
              <p:tags r:id="rId160"/>
            </p:custDataLst>
          </p:nvPr>
        </p:nvSpPr>
        <p:spPr>
          <a:xfrm>
            <a:off x="8503650" y="5201708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unktionstest Durchführung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ad98addae47425484235721a754da6d_Duration" hidden="1"/>
          <p:cNvSpPr txBox="1"/>
          <p:nvPr>
            <p:custDataLst>
              <p:tags r:id="rId161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ad98addae47425484235721a754da6d_TextPercentage" hidden="1"/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ad98addae47425484235721a754da6d_StartDate" hidden="1"/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ad98addae47425484235721a754da6d_EndDate" hidden="1"/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ad98addae47425484235721a754da6d_JoinedDate"/>
          <p:cNvSpPr txBox="1"/>
          <p:nvPr>
            <p:custDataLst>
              <p:tags r:id="rId165"/>
            </p:custDataLst>
          </p:nvPr>
        </p:nvSpPr>
        <p:spPr>
          <a:xfrm>
            <a:off x="7452885" y="541807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12 - Dec 13</a:t>
            </a:r>
            <a:endParaRPr lang="de-DE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SLT_fad98addae47425484235721a754da6d_Title"/>
          <p:cNvSpPr txBox="1"/>
          <p:nvPr>
            <p:custDataLst>
              <p:tags r:id="rId166"/>
            </p:custDataLst>
          </p:nvPr>
        </p:nvSpPr>
        <p:spPr>
          <a:xfrm>
            <a:off x="8905308" y="541032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ehlerbehebung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0715a09eccc04ba19f66be2454df473f_Duration" hidden="1"/>
          <p:cNvSpPr txBox="1"/>
          <p:nvPr>
            <p:custDataLst>
              <p:tags r:id="rId167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0715a09eccc04ba19f66be2454df473f_TextPercentage" hidden="1"/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SLT_0715a09eccc04ba19f66be2454df473f_StartDate" hidden="1"/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0715a09eccc04ba19f66be2454df473f_EndDate" hidden="1"/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715a09eccc04ba19f66be2454df473f_JoinedDate"/>
          <p:cNvSpPr txBox="1"/>
          <p:nvPr>
            <p:custDataLst>
              <p:tags r:id="rId171"/>
            </p:custDataLst>
          </p:nvPr>
        </p:nvSpPr>
        <p:spPr>
          <a:xfrm>
            <a:off x="8303361" y="572829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3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715a09eccc04ba19f66be2454df473f_Title"/>
          <p:cNvSpPr txBox="1"/>
          <p:nvPr>
            <p:custDataLst>
              <p:tags r:id="rId172"/>
            </p:custDataLst>
          </p:nvPr>
        </p:nvSpPr>
        <p:spPr>
          <a:xfrm>
            <a:off x="9000941" y="5720546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kdokumentation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9926dfe9b364aff97415b911919d64c_Duration" hidden="1"/>
          <p:cNvSpPr txBox="1"/>
          <p:nvPr>
            <p:custDataLst>
              <p:tags r:id="rId173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9926dfe9b364aff97415b911919d64c_TextPercentage" hidden="1"/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09926dfe9b364aff97415b911919d64c_StartDate" hidden="1"/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09926dfe9b364aff97415b911919d64c_EndDate" hidden="1"/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09926dfe9b364aff97415b911919d64c_JoinedDate"/>
          <p:cNvSpPr txBox="1"/>
          <p:nvPr>
            <p:custDataLst>
              <p:tags r:id="rId177"/>
            </p:custDataLst>
          </p:nvPr>
        </p:nvSpPr>
        <p:spPr>
          <a:xfrm>
            <a:off x="8705019" y="593691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09926dfe9b364aff97415b911919d64c_Title"/>
          <p:cNvSpPr txBox="1"/>
          <p:nvPr>
            <p:custDataLst>
              <p:tags r:id="rId178"/>
            </p:custDataLst>
          </p:nvPr>
        </p:nvSpPr>
        <p:spPr>
          <a:xfrm>
            <a:off x="9383471" y="5929164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Kundendokumentation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4498e3ce5a624e379c41dc5320d32c8a_Duration" hidden="1"/>
          <p:cNvSpPr txBox="1"/>
          <p:nvPr>
            <p:custDataLst>
              <p:tags r:id="rId179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4498e3ce5a624e379c41dc5320d32c8a_TextPercentage" hidden="1"/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4498e3ce5a624e379c41dc5320d32c8a_StartDate" hidden="1"/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4498e3ce5a624e379c41dc5320d32c8a_EndDate" hidden="1"/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4498e3ce5a624e379c41dc5320d32c8a_JoinedDate"/>
          <p:cNvSpPr txBox="1"/>
          <p:nvPr>
            <p:custDataLst>
              <p:tags r:id="rId183"/>
            </p:custDataLst>
          </p:nvPr>
        </p:nvSpPr>
        <p:spPr>
          <a:xfrm>
            <a:off x="8781525" y="624713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4498e3ce5a624e379c41dc5320d32c8a_Title"/>
          <p:cNvSpPr txBox="1"/>
          <p:nvPr>
            <p:custDataLst>
              <p:tags r:id="rId184"/>
            </p:custDataLst>
          </p:nvPr>
        </p:nvSpPr>
        <p:spPr>
          <a:xfrm>
            <a:off x="9459978" y="623938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ten einpflegen</a:t>
            </a:r>
            <a:endParaRPr lang="de-DE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39e8fa5ce17a41ee90dcbfa48c251789_Duration" hidden="1"/>
          <p:cNvSpPr txBox="1"/>
          <p:nvPr>
            <p:custDataLst>
              <p:tags r:id="rId185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39e8fa5ce17a41ee90dcbfa48c251789_TextPercentage" hidden="1"/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39e8fa5ce17a41ee90dcbfa48c251789_StartDate" hidden="1"/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39e8fa5ce17a41ee90dcbfa48c251789_EndDate" hidden="1"/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SLT_39e8fa5ce17a41ee90dcbfa48c251789_JoinedDate"/>
          <p:cNvSpPr txBox="1"/>
          <p:nvPr>
            <p:custDataLst>
              <p:tags r:id="rId189"/>
            </p:custDataLst>
          </p:nvPr>
        </p:nvSpPr>
        <p:spPr>
          <a:xfrm>
            <a:off x="9164057" y="659003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SLT_39e8fa5ce17a41ee90dcbfa48c251789_Title"/>
          <p:cNvSpPr txBox="1"/>
          <p:nvPr>
            <p:custDataLst>
              <p:tags r:id="rId190"/>
            </p:custDataLst>
          </p:nvPr>
        </p:nvSpPr>
        <p:spPr>
          <a:xfrm>
            <a:off x="9766002" y="6582283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Inbetriebnahme und Schulung </a:t>
            </a:r>
            <a:endParaRPr lang="de-DE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4ed38ea1aa874415a7c1e845a7ab8ae4_Shape"/>
          <p:cNvSpPr/>
          <p:nvPr>
            <p:custDataLst>
              <p:tags r:id="rId191"/>
            </p:custDataLst>
          </p:nvPr>
        </p:nvSpPr>
        <p:spPr>
          <a:xfrm>
            <a:off x="3219211" y="1854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9" name="OTLSHAPE_M_d95380b46d864e07899ae071490a1d48_Shape"/>
          <p:cNvSpPr/>
          <p:nvPr>
            <p:custDataLst>
              <p:tags r:id="rId192"/>
            </p:custDataLst>
          </p:nvPr>
        </p:nvSpPr>
        <p:spPr>
          <a:xfrm>
            <a:off x="9734406" y="1596178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2" name="OTLSHAPE_M_36790f23173f4d519245b84d2cec37dc_Shape"/>
          <p:cNvSpPr/>
          <p:nvPr>
            <p:custDataLst>
              <p:tags r:id="rId193"/>
            </p:custDataLst>
          </p:nvPr>
        </p:nvSpPr>
        <p:spPr>
          <a:xfrm>
            <a:off x="9244078" y="1854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5" name="OTLSHAPE_M_6757b9b73c444e72a3847893ff5aa830_Shape"/>
          <p:cNvSpPr/>
          <p:nvPr>
            <p:custDataLst>
              <p:tags r:id="rId194"/>
            </p:custDataLst>
          </p:nvPr>
        </p:nvSpPr>
        <p:spPr>
          <a:xfrm>
            <a:off x="9167571" y="1854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8" name="OTLSHAPE_M_04ad8bab973241a98f6eb1c35b6be9ed_Shape"/>
          <p:cNvSpPr/>
          <p:nvPr>
            <p:custDataLst>
              <p:tags r:id="rId195"/>
            </p:custDataLst>
          </p:nvPr>
        </p:nvSpPr>
        <p:spPr>
          <a:xfrm>
            <a:off x="8689408" y="1854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1" name="OTLSHAPE_M_14c34eb94c0c4ddea4e69c99b60f0f58_Shape"/>
          <p:cNvSpPr/>
          <p:nvPr>
            <p:custDataLst>
              <p:tags r:id="rId196"/>
            </p:custDataLst>
          </p:nvPr>
        </p:nvSpPr>
        <p:spPr>
          <a:xfrm>
            <a:off x="5055361" y="1854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4" name="OTLSHAPE_M_4ed38ea1aa874415a7c1e845a7ab8ae4_Title"/>
          <p:cNvSpPr txBox="1"/>
          <p:nvPr>
            <p:custDataLst>
              <p:tags r:id="rId197"/>
            </p:custDataLst>
          </p:nvPr>
        </p:nvSpPr>
        <p:spPr>
          <a:xfrm>
            <a:off x="2666232" y="147785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Planung abgeschlossen</a:t>
            </a:r>
            <a:endParaRPr lang="de-DE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4ed38ea1aa874415a7c1e845a7ab8ae4_Date"/>
          <p:cNvSpPr txBox="1"/>
          <p:nvPr>
            <p:custDataLst>
              <p:tags r:id="rId198"/>
            </p:custDataLst>
          </p:nvPr>
        </p:nvSpPr>
        <p:spPr>
          <a:xfrm>
            <a:off x="3189429" y="16737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d95380b46d864e07899ae071490a1d48_Title"/>
          <p:cNvSpPr txBox="1"/>
          <p:nvPr>
            <p:custDataLst>
              <p:tags r:id="rId199"/>
            </p:custDataLst>
          </p:nvPr>
        </p:nvSpPr>
        <p:spPr>
          <a:xfrm>
            <a:off x="9931256" y="1477857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ojekt abgeschlossen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d95380b46d864e07899ae071490a1d48_Date"/>
          <p:cNvSpPr txBox="1"/>
          <p:nvPr>
            <p:custDataLst>
              <p:tags r:id="rId200"/>
            </p:custDataLst>
          </p:nvPr>
        </p:nvSpPr>
        <p:spPr>
          <a:xfrm>
            <a:off x="9931256" y="16737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36790f23173f4d519245b84d2cec37dc_Title"/>
          <p:cNvSpPr txBox="1"/>
          <p:nvPr>
            <p:custDataLst>
              <p:tags r:id="rId201"/>
            </p:custDataLst>
          </p:nvPr>
        </p:nvSpPr>
        <p:spPr>
          <a:xfrm>
            <a:off x="8467854" y="1012613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aten einplfege abgeschlossen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36790f23173f4d519245b84d2cec37dc_Date"/>
          <p:cNvSpPr txBox="1"/>
          <p:nvPr>
            <p:custDataLst>
              <p:tags r:id="rId202"/>
            </p:custDataLst>
          </p:nvPr>
        </p:nvSpPr>
        <p:spPr>
          <a:xfrm>
            <a:off x="9182102" y="12085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6757b9b73c444e72a3847893ff5aa830_Title"/>
          <p:cNvSpPr txBox="1"/>
          <p:nvPr>
            <p:custDataLst>
              <p:tags r:id="rId203"/>
            </p:custDataLst>
          </p:nvPr>
        </p:nvSpPr>
        <p:spPr>
          <a:xfrm>
            <a:off x="8395136" y="547370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kumentation abgeschlossen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6757b9b73c444e72a3847893ff5aa830_Date"/>
          <p:cNvSpPr txBox="1"/>
          <p:nvPr>
            <p:custDataLst>
              <p:tags r:id="rId204"/>
            </p:custDataLst>
          </p:nvPr>
        </p:nvSpPr>
        <p:spPr>
          <a:xfrm>
            <a:off x="9105595" y="74328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04ad8bab973241a98f6eb1c35b6be9ed_Title"/>
          <p:cNvSpPr txBox="1"/>
          <p:nvPr>
            <p:custDataLst>
              <p:tags r:id="rId205"/>
            </p:custDataLst>
          </p:nvPr>
        </p:nvSpPr>
        <p:spPr>
          <a:xfrm>
            <a:off x="7757799" y="82127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Qualitätsmanagment abgeschlossen</a:t>
            </a:r>
            <a:endParaRPr lang="de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M_04ad8bab973241a98f6eb1c35b6be9ed_Date"/>
          <p:cNvSpPr txBox="1"/>
          <p:nvPr>
            <p:custDataLst>
              <p:tags r:id="rId206"/>
            </p:custDataLst>
          </p:nvPr>
        </p:nvSpPr>
        <p:spPr>
          <a:xfrm>
            <a:off x="8627432" y="27804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13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14c34eb94c0c4ddea4e69c99b60f0f58_Title"/>
          <p:cNvSpPr txBox="1"/>
          <p:nvPr>
            <p:custDataLst>
              <p:tags r:id="rId207"/>
            </p:custDataLst>
          </p:nvPr>
        </p:nvSpPr>
        <p:spPr>
          <a:xfrm>
            <a:off x="4541963" y="147785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Design abgeschlossen</a:t>
            </a:r>
            <a:endParaRPr lang="de-DE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14c34eb94c0c4ddea4e69c99b60f0f58_Date"/>
          <p:cNvSpPr txBox="1"/>
          <p:nvPr>
            <p:custDataLst>
              <p:tags r:id="rId208"/>
            </p:custDataLst>
          </p:nvPr>
        </p:nvSpPr>
        <p:spPr>
          <a:xfrm>
            <a:off x="5025579" y="16737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  <a:endParaRPr lang="de-DE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D_c2481dcb97a1409583bbd3796912e06d_Line"/>
          <p:cNvSpPr/>
          <p:nvPr>
            <p:custDataLst>
              <p:tags r:id="rId209"/>
            </p:custDataLst>
          </p:nvPr>
        </p:nvSpPr>
        <p:spPr>
          <a:xfrm>
            <a:off x="3172787" y="2895981"/>
            <a:ext cx="173042" cy="208620"/>
          </a:xfrm>
          <a:custGeom>
            <a:avLst/>
            <a:gdLst/>
            <a:ahLst/>
            <a:cxnLst/>
            <a:rect l="0" t="0" r="0" b="0"/>
            <a:pathLst>
              <a:path w="173042" h="208620">
                <a:moveTo>
                  <a:pt x="115891" y="0"/>
                </a:moveTo>
                <a:lnTo>
                  <a:pt x="173041" y="0"/>
                </a:lnTo>
                <a:lnTo>
                  <a:pt x="173041" y="104309"/>
                </a:lnTo>
                <a:lnTo>
                  <a:pt x="0" y="104309"/>
                </a:lnTo>
                <a:lnTo>
                  <a:pt x="0" y="208619"/>
                </a:lnTo>
                <a:lnTo>
                  <a:pt x="103344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5" name="OTLSHAPE_D_ce3061adfd124d94acc9b774d12b5154_Line"/>
          <p:cNvSpPr/>
          <p:nvPr>
            <p:custDataLst>
              <p:tags r:id="rId210"/>
            </p:custDataLst>
          </p:nvPr>
        </p:nvSpPr>
        <p:spPr>
          <a:xfrm>
            <a:off x="3230167" y="3104600"/>
            <a:ext cx="160495" cy="208619"/>
          </a:xfrm>
          <a:custGeom>
            <a:avLst/>
            <a:gdLst/>
            <a:ahLst/>
            <a:cxnLst/>
            <a:rect l="0" t="0" r="0" b="0"/>
            <a:pathLst>
              <a:path w="160495" h="208619">
                <a:moveTo>
                  <a:pt x="103344" y="0"/>
                </a:moveTo>
                <a:lnTo>
                  <a:pt x="160494" y="0"/>
                </a:lnTo>
                <a:lnTo>
                  <a:pt x="160494" y="104309"/>
                </a:lnTo>
                <a:lnTo>
                  <a:pt x="0" y="104309"/>
                </a:lnTo>
                <a:lnTo>
                  <a:pt x="0" y="208618"/>
                </a:lnTo>
                <a:lnTo>
                  <a:pt x="103344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6" name="OTLSHAPE_D_b2c9ca0766464c2c9373178f2db4a7d1_Line"/>
          <p:cNvSpPr/>
          <p:nvPr>
            <p:custDataLst>
              <p:tags r:id="rId211"/>
            </p:custDataLst>
          </p:nvPr>
        </p:nvSpPr>
        <p:spPr>
          <a:xfrm>
            <a:off x="3612698" y="3313218"/>
            <a:ext cx="160495" cy="310220"/>
          </a:xfrm>
          <a:custGeom>
            <a:avLst/>
            <a:gdLst/>
            <a:ahLst/>
            <a:cxnLst/>
            <a:rect l="0" t="0" r="0" b="0"/>
            <a:pathLst>
              <a:path w="160495" h="310220">
                <a:moveTo>
                  <a:pt x="103344" y="0"/>
                </a:moveTo>
                <a:lnTo>
                  <a:pt x="160494" y="0"/>
                </a:lnTo>
                <a:lnTo>
                  <a:pt x="160494" y="104310"/>
                </a:lnTo>
                <a:lnTo>
                  <a:pt x="0" y="104310"/>
                </a:lnTo>
                <a:lnTo>
                  <a:pt x="0" y="310219"/>
                </a:lnTo>
                <a:lnTo>
                  <a:pt x="103344" y="3102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7" name="OTLSHAPE_D_30259c829ec9471fbfdd386f4db844b1_Line"/>
          <p:cNvSpPr/>
          <p:nvPr>
            <p:custDataLst>
              <p:tags r:id="rId212"/>
            </p:custDataLst>
          </p:nvPr>
        </p:nvSpPr>
        <p:spPr>
          <a:xfrm>
            <a:off x="3650952" y="3623437"/>
            <a:ext cx="173041" cy="208620"/>
          </a:xfrm>
          <a:custGeom>
            <a:avLst/>
            <a:gdLst/>
            <a:ahLst/>
            <a:cxnLst/>
            <a:rect l="0" t="0" r="0" b="0"/>
            <a:pathLst>
              <a:path w="173041" h="208620">
                <a:moveTo>
                  <a:pt x="115890" y="0"/>
                </a:moveTo>
                <a:lnTo>
                  <a:pt x="173040" y="0"/>
                </a:lnTo>
                <a:lnTo>
                  <a:pt x="173040" y="104309"/>
                </a:lnTo>
                <a:lnTo>
                  <a:pt x="0" y="104309"/>
                </a:lnTo>
                <a:lnTo>
                  <a:pt x="0" y="208619"/>
                </a:lnTo>
                <a:lnTo>
                  <a:pt x="103343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8" name="OTLSHAPE_D_57cd3bed85c74ec9b55878708a8f0a0a_Line"/>
          <p:cNvSpPr/>
          <p:nvPr>
            <p:custDataLst>
              <p:tags r:id="rId213"/>
            </p:custDataLst>
          </p:nvPr>
        </p:nvSpPr>
        <p:spPr>
          <a:xfrm>
            <a:off x="3689205" y="3832056"/>
            <a:ext cx="173041" cy="208619"/>
          </a:xfrm>
          <a:custGeom>
            <a:avLst/>
            <a:gdLst/>
            <a:ahLst/>
            <a:cxnLst/>
            <a:rect l="0" t="0" r="0" b="0"/>
            <a:pathLst>
              <a:path w="173041" h="208619">
                <a:moveTo>
                  <a:pt x="115890" y="0"/>
                </a:moveTo>
                <a:lnTo>
                  <a:pt x="173040" y="0"/>
                </a:lnTo>
                <a:lnTo>
                  <a:pt x="173040" y="104309"/>
                </a:lnTo>
                <a:lnTo>
                  <a:pt x="0" y="104309"/>
                </a:lnTo>
                <a:lnTo>
                  <a:pt x="0" y="208618"/>
                </a:lnTo>
                <a:lnTo>
                  <a:pt x="103343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9" name="OTLSHAPE_D_1c2f65b96d2042e1a48b6e295d39281a_Line"/>
          <p:cNvSpPr/>
          <p:nvPr>
            <p:custDataLst>
              <p:tags r:id="rId214"/>
            </p:custDataLst>
          </p:nvPr>
        </p:nvSpPr>
        <p:spPr>
          <a:xfrm>
            <a:off x="4989811" y="4040674"/>
            <a:ext cx="179621" cy="208620"/>
          </a:xfrm>
          <a:custGeom>
            <a:avLst/>
            <a:gdLst/>
            <a:ahLst/>
            <a:cxnLst/>
            <a:rect l="0" t="0" r="0" b="0"/>
            <a:pathLst>
              <a:path w="179621" h="208620">
                <a:moveTo>
                  <a:pt x="122470" y="0"/>
                </a:moveTo>
                <a:lnTo>
                  <a:pt x="179620" y="0"/>
                </a:lnTo>
                <a:lnTo>
                  <a:pt x="179620" y="104310"/>
                </a:lnTo>
                <a:lnTo>
                  <a:pt x="0" y="104310"/>
                </a:lnTo>
                <a:lnTo>
                  <a:pt x="0" y="208619"/>
                </a:lnTo>
                <a:lnTo>
                  <a:pt x="103344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0" name="OTLSHAPE_D_938971f6452541ed930ef7c1af419248_Line"/>
          <p:cNvSpPr/>
          <p:nvPr>
            <p:custDataLst>
              <p:tags r:id="rId215"/>
            </p:custDataLst>
          </p:nvPr>
        </p:nvSpPr>
        <p:spPr>
          <a:xfrm>
            <a:off x="5169661" y="4249293"/>
            <a:ext cx="363405" cy="310220"/>
          </a:xfrm>
          <a:custGeom>
            <a:avLst/>
            <a:gdLst/>
            <a:ahLst/>
            <a:cxnLst/>
            <a:rect l="0" t="0" r="0" b="0"/>
            <a:pathLst>
              <a:path w="363405" h="310220">
                <a:moveTo>
                  <a:pt x="0" y="0"/>
                </a:moveTo>
                <a:lnTo>
                  <a:pt x="57150" y="0"/>
                </a:lnTo>
                <a:lnTo>
                  <a:pt x="57150" y="104309"/>
                </a:lnTo>
                <a:lnTo>
                  <a:pt x="260061" y="104309"/>
                </a:lnTo>
                <a:lnTo>
                  <a:pt x="260061" y="310219"/>
                </a:lnTo>
                <a:lnTo>
                  <a:pt x="363404" y="3102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1" name="OTLSHAPE_D_e48ecd2853894d64a1f46bfae0d8d976_Line"/>
          <p:cNvSpPr/>
          <p:nvPr>
            <p:custDataLst>
              <p:tags r:id="rId216"/>
            </p:custDataLst>
          </p:nvPr>
        </p:nvSpPr>
        <p:spPr>
          <a:xfrm>
            <a:off x="5927012" y="4559512"/>
            <a:ext cx="160495" cy="208619"/>
          </a:xfrm>
          <a:custGeom>
            <a:avLst/>
            <a:gdLst/>
            <a:ahLst/>
            <a:cxnLst/>
            <a:rect l="0" t="0" r="0" b="0"/>
            <a:pathLst>
              <a:path w="160495" h="208619">
                <a:moveTo>
                  <a:pt x="103344" y="0"/>
                </a:moveTo>
                <a:lnTo>
                  <a:pt x="160494" y="0"/>
                </a:lnTo>
                <a:lnTo>
                  <a:pt x="160494" y="104309"/>
                </a:lnTo>
                <a:lnTo>
                  <a:pt x="0" y="104309"/>
                </a:lnTo>
                <a:lnTo>
                  <a:pt x="0" y="208618"/>
                </a:lnTo>
                <a:lnTo>
                  <a:pt x="103344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2" name="OTLSHAPE_D_755dc486ba6147bfbd3a110eb9ad7ec3_Line"/>
          <p:cNvSpPr/>
          <p:nvPr>
            <p:custDataLst>
              <p:tags r:id="rId217"/>
            </p:custDataLst>
          </p:nvPr>
        </p:nvSpPr>
        <p:spPr>
          <a:xfrm>
            <a:off x="6921593" y="4768130"/>
            <a:ext cx="160495" cy="310220"/>
          </a:xfrm>
          <a:custGeom>
            <a:avLst/>
            <a:gdLst/>
            <a:ahLst/>
            <a:cxnLst/>
            <a:rect l="0" t="0" r="0" b="0"/>
            <a:pathLst>
              <a:path w="160495" h="310220">
                <a:moveTo>
                  <a:pt x="103344" y="0"/>
                </a:moveTo>
                <a:lnTo>
                  <a:pt x="160494" y="0"/>
                </a:lnTo>
                <a:lnTo>
                  <a:pt x="160494" y="104310"/>
                </a:lnTo>
                <a:lnTo>
                  <a:pt x="0" y="104310"/>
                </a:lnTo>
                <a:lnTo>
                  <a:pt x="0" y="310219"/>
                </a:lnTo>
                <a:lnTo>
                  <a:pt x="103344" y="3102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3" name="OTLSHAPE_D_cebf34e9721443cfb26e105d504d1b49_Line"/>
          <p:cNvSpPr/>
          <p:nvPr>
            <p:custDataLst>
              <p:tags r:id="rId218"/>
            </p:custDataLst>
          </p:nvPr>
        </p:nvSpPr>
        <p:spPr>
          <a:xfrm>
            <a:off x="8203073" y="5078349"/>
            <a:ext cx="160495" cy="208620"/>
          </a:xfrm>
          <a:custGeom>
            <a:avLst/>
            <a:gdLst/>
            <a:ahLst/>
            <a:cxnLst/>
            <a:rect l="0" t="0" r="0" b="0"/>
            <a:pathLst>
              <a:path w="160495" h="208620">
                <a:moveTo>
                  <a:pt x="103344" y="0"/>
                </a:moveTo>
                <a:lnTo>
                  <a:pt x="160494" y="0"/>
                </a:lnTo>
                <a:lnTo>
                  <a:pt x="160494" y="104309"/>
                </a:lnTo>
                <a:lnTo>
                  <a:pt x="0" y="104309"/>
                </a:lnTo>
                <a:lnTo>
                  <a:pt x="0" y="208619"/>
                </a:lnTo>
                <a:lnTo>
                  <a:pt x="103344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4" name="OTLSHAPE_D_f66153d6c37840edbdfba05e1a174880_Line"/>
          <p:cNvSpPr/>
          <p:nvPr>
            <p:custDataLst>
              <p:tags r:id="rId219"/>
            </p:custDataLst>
          </p:nvPr>
        </p:nvSpPr>
        <p:spPr>
          <a:xfrm>
            <a:off x="8298706" y="5286968"/>
            <a:ext cx="160495" cy="208619"/>
          </a:xfrm>
          <a:custGeom>
            <a:avLst/>
            <a:gdLst/>
            <a:ahLst/>
            <a:cxnLst/>
            <a:rect l="0" t="0" r="0" b="0"/>
            <a:pathLst>
              <a:path w="160495" h="208619">
                <a:moveTo>
                  <a:pt x="103344" y="0"/>
                </a:moveTo>
                <a:lnTo>
                  <a:pt x="160494" y="0"/>
                </a:lnTo>
                <a:lnTo>
                  <a:pt x="160494" y="104309"/>
                </a:lnTo>
                <a:lnTo>
                  <a:pt x="0" y="104309"/>
                </a:lnTo>
                <a:lnTo>
                  <a:pt x="0" y="208618"/>
                </a:lnTo>
                <a:lnTo>
                  <a:pt x="103344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5" name="OTLSHAPE_D_218a3d873bca40149443a862f5c59223_Line"/>
          <p:cNvSpPr/>
          <p:nvPr>
            <p:custDataLst>
              <p:tags r:id="rId220"/>
            </p:custDataLst>
          </p:nvPr>
        </p:nvSpPr>
        <p:spPr>
          <a:xfrm>
            <a:off x="8700364" y="5495586"/>
            <a:ext cx="160495" cy="310220"/>
          </a:xfrm>
          <a:custGeom>
            <a:avLst/>
            <a:gdLst/>
            <a:ahLst/>
            <a:cxnLst/>
            <a:rect l="0" t="0" r="0" b="0"/>
            <a:pathLst>
              <a:path w="160495" h="310220">
                <a:moveTo>
                  <a:pt x="103344" y="0"/>
                </a:moveTo>
                <a:lnTo>
                  <a:pt x="160494" y="0"/>
                </a:lnTo>
                <a:lnTo>
                  <a:pt x="160494" y="104310"/>
                </a:lnTo>
                <a:lnTo>
                  <a:pt x="0" y="104310"/>
                </a:lnTo>
                <a:lnTo>
                  <a:pt x="0" y="310219"/>
                </a:lnTo>
                <a:lnTo>
                  <a:pt x="103344" y="3102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6" name="OTLSHAPE_D_54448620562442a98920afab90ae2738_Line"/>
          <p:cNvSpPr/>
          <p:nvPr>
            <p:custDataLst>
              <p:tags r:id="rId221"/>
            </p:custDataLst>
          </p:nvPr>
        </p:nvSpPr>
        <p:spPr>
          <a:xfrm>
            <a:off x="8899341" y="5805805"/>
            <a:ext cx="306025" cy="208620"/>
          </a:xfrm>
          <a:custGeom>
            <a:avLst/>
            <a:gdLst/>
            <a:ahLst/>
            <a:cxnLst/>
            <a:rect l="0" t="0" r="0" b="0"/>
            <a:pathLst>
              <a:path w="306025" h="208620">
                <a:moveTo>
                  <a:pt x="0" y="0"/>
                </a:moveTo>
                <a:lnTo>
                  <a:pt x="57150" y="0"/>
                </a:lnTo>
                <a:lnTo>
                  <a:pt x="57150" y="104309"/>
                </a:lnTo>
                <a:lnTo>
                  <a:pt x="202680" y="104309"/>
                </a:lnTo>
                <a:lnTo>
                  <a:pt x="202680" y="208619"/>
                </a:lnTo>
                <a:lnTo>
                  <a:pt x="306024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7" name="OTLSHAPE_D_664173c9a29441cbac15027715d357b4_Line"/>
          <p:cNvSpPr/>
          <p:nvPr>
            <p:custDataLst>
              <p:tags r:id="rId222"/>
            </p:custDataLst>
          </p:nvPr>
        </p:nvSpPr>
        <p:spPr>
          <a:xfrm>
            <a:off x="9178527" y="6014424"/>
            <a:ext cx="160495" cy="310219"/>
          </a:xfrm>
          <a:custGeom>
            <a:avLst/>
            <a:gdLst/>
            <a:ahLst/>
            <a:cxnLst/>
            <a:rect l="0" t="0" r="0" b="0"/>
            <a:pathLst>
              <a:path w="160495" h="310219">
                <a:moveTo>
                  <a:pt x="103344" y="0"/>
                </a:moveTo>
                <a:lnTo>
                  <a:pt x="160494" y="0"/>
                </a:lnTo>
                <a:lnTo>
                  <a:pt x="160494" y="104309"/>
                </a:lnTo>
                <a:lnTo>
                  <a:pt x="0" y="104309"/>
                </a:lnTo>
                <a:lnTo>
                  <a:pt x="0" y="310218"/>
                </a:lnTo>
                <a:lnTo>
                  <a:pt x="103344" y="3102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8" name="OTLSHAPE_D_986e6dcb12ae4a58bec469477c2214a7_Line"/>
          <p:cNvSpPr/>
          <p:nvPr>
            <p:custDataLst>
              <p:tags r:id="rId223"/>
            </p:custDataLst>
          </p:nvPr>
        </p:nvSpPr>
        <p:spPr>
          <a:xfrm>
            <a:off x="9358378" y="6324642"/>
            <a:ext cx="306025" cy="342902"/>
          </a:xfrm>
          <a:custGeom>
            <a:avLst/>
            <a:gdLst/>
            <a:ahLst/>
            <a:cxnLst/>
            <a:rect l="0" t="0" r="0" b="0"/>
            <a:pathLst>
              <a:path w="306025" h="342902">
                <a:moveTo>
                  <a:pt x="0" y="0"/>
                </a:moveTo>
                <a:lnTo>
                  <a:pt x="57150" y="0"/>
                </a:lnTo>
                <a:lnTo>
                  <a:pt x="57150" y="120650"/>
                </a:lnTo>
                <a:lnTo>
                  <a:pt x="202681" y="120650"/>
                </a:lnTo>
                <a:lnTo>
                  <a:pt x="202681" y="342901"/>
                </a:lnTo>
                <a:lnTo>
                  <a:pt x="306024" y="342901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46096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EyLTAxVDA4OjAwOjAwWiIsIkVuZERhdGUiOiIyMDIyLTEyLTAxVDEwOjAwOjAwWiIsIlBlcmNlbnRhZ2VDb21wbGV0ZSI6bnVsbCwiU3R5bGUiOnsiJGlkIjoiNyIsIlNoYXBlIjoxLCJTaGFwZVRoaWNrbmVzcyI6MCwiRHVyYXRpb25Gb3JtYXQiOjEx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YsIlNtYXJ0RHVyYXRpb25BY3RpdmF0ZWQiOmZhbHNlLCJEYXRlRm9ybWF0Ijp7IiRyZWYiOiI1OCJ9LCJXZWVrTnVtYmVyaW5nIjp7IiRpZCI6IjYwIiwiRm9ybWF0IjowLCJJc1Zpc2libGUiOmZhbHNlLCJMYXN0S25vd25WaXNpYmlsaXR5U3RhdGUiOmZhbHNlfSwiSWQiOiI2ODExZjQzYi1iMzcwLTQwOGUtYWY4NC1lZDY4MzI1MmVkOGYiLCJJbXBvcnRJZCI6bnVsbCwiVGl0bGUiOiJLdW5kZW53w7xuc2NoZSBhdWZuZWhtZW4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yLTEyLTAxVDEwOjAwOjAwWiIsIkVuZERhdGUiOiIyMDIyLTEyLTAxVDEzOjAwOjAwWiIsIlBlcmNlbnRhZ2VDb21wbGV0ZSI6bnVsbCwiU3R5bGUiOnsiJGlkIjoiNjUiLCJTaGFwZSI6MSwiU2hhcGVUaGlja25lc3MiOjAsIkR1cmF0aW9uRm9ybWF0IjoxMS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OCIsIkxpbmVDb2xvciI6bnVsbCwiTGluZVdlaWdodCI6MC4wLCJMaW5lVHlwZSI6MCwiUGFyZW50U3R5bGUiOm51bGx9LCJQYXJlbnRTdHlsZSI6bnVsbH0sIkR1cmF0aW9uU3R5bGUiOnsiJGlkIjoiNjkiLCJGb250U2V0dGluZ3MiOnsiJGlkIjoiNz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xIiwiTGluZUNvbG9yIjpudWxsLCJMaW5lV2VpZ2h0IjowLjAsIkxpbmVUeXBlIjowLCJQYXJlbnRTdHlsZSI6bnVsbH0sIlBhcmVudFN0eWxlIjpudWxsfSwiSG9yaXpvbnRhbENvbm5lY3RvclN0eWxlIjp7IiRpZCI6IjcyIiwiTGluZUNvbG9yIjp7IiRyZWYiOiIyNyJ9LCJMaW5lV2VpZ2h0IjoxLjAsIkxpbmVUeXBlIjowLCJQYXJlbnRTdHlsZSI6bnVsbH0sIlZlcnRpY2FsQ29ubmVjdG9yU3R5bGUiOnsiJGlkIjoiNzM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4MiIsIkNvbG9yIjp7IiRpZCI6IjgzIiwiQSI6MCwiUiI6MjU1LCJHIjoyNTUsIkIiOjI1NX19LCJJc1Zpc2libGUiOnRydWUsIldpZHRoIjowLjAsIkhlaWdodCI6MC4wLCJCb3JkZXJTdHlsZSI6eyIkaWQiOiI4NCIsIkxpbmVDb2xvciI6bnVsbCwiTGluZVdlaWdodCI6MC4wLCJMaW5lVHlwZSI6MCwiUGFyZW50U3R5bGUiOm51bGx9LCJQYXJlbnRTdHlsZSI6bnVsbH0sIkRh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DEiLCJMaW5lQ29sb3IiOm51bGwsIkxpbmVXZWlnaHQiOjAuMCwiTGluZVR5cGUiOjAsIlBhcmVudFN0eWxlIjpudWxsfSwiUGFyZW50U3R5bGUiOm51bGx9LCJEdXJhdGlvblN0eWxlIjp7IiRpZCI6IjEwMiIsIkZvbnRTZXR0aW5ncyI6eyIkaWQiOiIxMD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NCIsIkxpbmVDb2xvciI6bnVsbCwiTGluZVdlaWdodCI6MC4wLCJMaW5lVHlwZSI6MCwiUGFyZW50U3R5bGUiOm51bGx9LCJQYXJlbnRTdHlsZSI6bnVsbH0sIkhvcml6b250YWxDb25uZWN0b3JTdHlsZSI6eyIkaWQiOiIxMDUiLCJMaW5lQ29sb3IiOnsiJHJlZiI6IjI3In0sIkxpbmVXZWlnaHQiOjEuMCwiTGluZVR5cGUiOjAsIlBhcmVudFN0eWxlIjpudWxsfSwiVmVydGljYWxDb25uZWN0b3JTdHlsZSI6eyIkaWQiOiIxMDY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DciLCJNYXJnaW4iOnsiJHJlZiI6IjMzIn0sIlBhZGRpbmciOnsiJHJlZiI6IjM0In0sIkJhY2tncm91bmQiOnsiJGlkIjoiMTA4IiwiQ29sb3IiOnsiJGlkIjoiMTA5IiwiQSI6MjU1LCJSIjo2OCwiRyI6MTE0LCJCIjoxOTZ9fSwiSXNWaXNpYmxlIjp0cnVlLCJXaWR0aCI6MC4wLCJIZWlnaHQiOjEwLjAsIkJvcmRlclN0eWxlIjp7IiRpZCI6IjExMCIsIkxpbmVDb2xvciI6eyIkcmVmIjoiMzgi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ExNSIsIkNvbG9yIjp7IiRpZCI6IjExNiIsIkEiOjAsIlIiOjI1NSwiRyI6MjU1LCJCIjoyNTV9fSwiSXNWaXNpYmxlIjp0cnVlLCJXaWR0aCI6MC4wLCJIZWlnaHQiOjAuMCwiQm9yZGVyU3R5bGUiOnsiJGlkIjoiMTE3IiwiTGluZUNvbG9yIjpudWxsLCJMaW5lV2VpZ2h0IjowLjAsIkxpbmVUeXBlIjowLCJQYXJlbnRTdHlsZSI6bnVsbH0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TkzIiwiTGluZUNvbG9yIjpudWxsLCJMaW5lV2VpZ2h0IjowLjAsIkxpbmVUeXBlIjowLCJQYXJlbnRTdHlsZSI6bnVsbH0sIlBhcmVudFN0eWxlIjpudWxsfSwiRHVyYXRpb25TdHlsZSI6eyIkaWQiOiIxOTQiLCJGb250U2V0dGluZ3MiOnsiJGlkIjoiMTk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OTYiLCJMaW5lQ29sb3IiOm51bGwsIkxpbmVXZWlnaHQiOjAuMCwiTGluZVR5cGUiOjAsIlBhcmVudFN0eWxlIjpudWxsfSwiUGFyZW50U3R5bGUiOm51bGx9LCJIb3Jpem9udGFsQ29ubmVjdG9yU3R5bGUiOnsiJGlkIjoiMTk3IiwiTGluZUNvbG9yIjp7IiRyZWYiOiIyNyJ9LCJMaW5lV2VpZ2h0IjoxLjAsIkxpbmVUeXBlIjowLCJQYXJlbnRTdHlsZSI6bnVsbH0sIlZlcnRpY2FsQ29ubmVjdG9yU3R5bGUiOnsiJGlkIjoiMTk4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k5IiwiTWFyZ2luIjp7IiRyZWYiOiIzMyJ9LCJQYWRkaW5nIjp7IiRyZWYiOiIzNCJ9LCJCYWNrZ3JvdW5kIjp7IiRpZCI6IjIwMCIsIkNvbG9yIjp7IiRpZCI6IjIwMSIsIkEiOjI1NSwiUiI6NjgsIkciOjExNCwiQiI6MTk2fX0sIklzVmlzaWJsZSI6dHJ1ZSwiV2lkdGgiOjAuMCwiSGVpZ2h0IjoxMC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UaXRsZVN0eWxlIjp7IiRpZCI6IjIwNSIsIkZvbnRTZXR0aW5ncyI6eyIkaWQiOiIyMDYiLCJGb250U2l6ZSI6MTEsIkZvbnROYW1lIjoiQ2FsaWJyaSIsIklzQm9sZCI6dHJ1ZSwiSXNJdGFsaWMiOmZhbHNlLCJJc1VuZGVybGluZWQiOmZhbHNlLCJQYXJlbnRTdHlsZSI6bnVsbH0sIkF1dG9TaXplIjowLCJGb3JlZ3JvdW5kIjp7IiRpZCI6IjIwNyIsIkNvbG9yIjp7IiRpZCI6IjIw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yMDkiLCJDb2xvciI6eyIkaWQiOiIyMTAiLCJBIjowLCJSIjoyNTUsIkciOjI1NSwiQiI6MjU1fX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aWQiOiIyMTYiLCJDb2xvciI6eyIkaWQiOiIyMTciLCJBIjowLCJSIjoyNTUsIkciOjI1NSwiQiI6MjU1fX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yOSIsIkxpbmVDb2xvciI6bnVsbCwiTGluZVdlaWdodCI6MC4wLCJMaW5lVHlwZSI6MCwiUGFyZW50U3R5bGUiOm51bGx9LCJQYXJlbnRTdHlsZSI6bnVsbH0sIkR1cmF0aW9uU3R5bGUiOnsiJGlkIjoiMjMwIiwiRm9udFNldHRpbmdzIjp7IiRpZCI6IjIz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MyIiwiTGluZUNvbG9yIjpudWxsLCJMaW5lV2VpZ2h0IjowLjAsIkxpbmVUeXBlIjowLCJQYXJlbnRTdHlsZSI6bnVsbH0sIlBhcmVudFN0eWxlIjpudWxsfSwiSG9yaXpvbnRhbENvbm5lY3RvclN0eWxlIjp7IiRpZCI6IjIzMyIsIkxpbmVDb2xvciI6eyIkcmVmIjoiMjcifSwiTGluZVdlaWdodCI6MS4wLCJMaW5lVHlwZSI6MCwiUGFyZW50U3R5bGUiOm51bGx9LCJWZXJ0aWNhbENvbm5lY3RvclN0eWxlIjp7IiRpZCI6IjIzNC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zNSIsIk1hcmdpbiI6eyIkcmVmIjoiMzMifSwiUGFkZGluZyI6eyIkcmVmIjoiMzQifSwiQmFja2dyb3VuZCI6eyIkaWQiOiIyMzYiLCJDb2xvciI6eyIkaWQiOiIyMzciLCJBIjoyNTUsIlIiOjY4LCJHIjoxMTQsIkIiOjE5Nn19LCJJc1Zpc2libGUiOnRydWUsIldpZHRoIjowLjAsIkhlaWdodCI6MTAuMCwiQm9yZGVyU3R5bGUiOnsiJGlkIjoiMjM4IiwiTGluZUNvbG9yIjp7IiRyZWYiOiIyMDMi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GlkIjoiMjQxIiwiQ29sb3IiOnsiJGlkIjoiMjQ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I0MyIsIkNvbG9yIjp7IiRpZCI6IjI0NCIsIkEiOjAsIlIiOjI1NSwiRyI6MjU1LCJCIjoyNTV9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2MiIsIkxpbmVDb2xvciI6bnVsbCwiTGluZVdlaWdodCI6MC4wLCJMaW5lVHlwZSI6MCwiUGFyZW50U3R5bGUiOm51bGx9LCJQYXJlbnRTdHlsZSI6bnVsbH0sIkR1cmF0aW9uU3R5bGUiOnsiJGlkIjoiMjYzIiwiRm9udFNldHRpbmdzIjp7IiRpZCI6IjI2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Y1IiwiTGluZUNvbG9yIjpudWxsLCJMaW5lV2VpZ2h0IjowLjAsIkxpbmVUeXBlIjowLCJQYXJlbnRTdHlsZSI6bnVsbH0sIlBhcmVudFN0eWxlIjpudWxsfSwiSG9yaXpvbnRhbENvbm5lY3RvclN0eWxlIjp7IiRpZCI6IjI2NiIsIkxpbmVDb2xvciI6eyIkcmVmIjoiMjcifSwiTGluZVdlaWdodCI6MS4wLCJMaW5lVHlwZSI6MCwiUGFyZW50U3R5bGUiOm51bGx9LCJWZXJ0aWNhbENvbm5lY3RvclN0eWxlIjp7IiRpZCI6IjI2Ny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MjcifSwiTGluZVdlaWdodCI6MS4wLCJMaW5lVHlwZSI6MCwiUGFyZW50U3R5bGUiOm51bGx9LCJWZXJ0aWNhbENvbm5lY3RvclN0eWxlIjp7IiRpZCI6IjMwMC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wMSIsIk1hcmdpbiI6eyIkcmVmIjoiMzMifSwiUGFkZGluZyI6eyIkcmVmIjoiMzQifSwiQmFja2dyb3VuZCI6eyIkaWQiOiIzMDIiLCJDb2xvciI6eyIkaWQiOiIzMDMiLCJBIjoyNTUsIlIiOjY4LCJHIjoxMTQsIkIiOjE5Nn19LCJJc1Zpc2libGUiOnRydWUsIldpZHRoIjowLjAsIkhlaWdodCI6MTAuMCwiQm9yZGVyU3R5bGUiOnsiJGlkIjoiMzA0IiwiTGluZUNvbG9yIjp7IiRyZWYiOiIyMDM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AsIkZvcmVncm91bmQiOnsiJGlkIjoiMzA3IiwiQ29sb3IiOnsiJGlkIjoiMzA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MwOSIsIkNvbG9yIjp7IiRpZCI6IjMxMCIsIkEiOjAsIlIiOjI1NSwiRyI6MjU1LCJCIjoyNTV9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g3IiwiTGluZUNvbG9yIjpudWxsLCJMaW5lV2VpZ2h0IjowLjAsIkxpbmVUeXBlIjowLCJQYXJlbnRTdHlsZSI6bnVsbH0sIlBhcmVudFN0eWxlIjpudWxsfSwiRHVyYXRpb25TdHlsZSI6eyIkaWQiOiIzODgiLCJGb250U2V0dGluZ3MiOnsiJGlkIjoiMzg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OTAiLCJMaW5lQ29sb3IiOm51bGwsIkxpbmVXZWlnaHQiOjAuMCwiTGluZVR5cGUiOjAsIlBhcmVudFN0eWxlIjpudWxsfSwiUGFyZW50U3R5bGUiOm51bGx9LCJIb3Jpem9udGFsQ29ubmVjdG9yU3R5bGUiOnsiJGlkIjoiMzkxIiwiTGluZUNvbG9yIjp7IiRyZWYiOiIyNyJ9LCJMaW5lV2VpZ2h0IjoxLjAsIkxpbmVUeXBlIjowLCJQYXJlbnRTdHlsZSI6bnVsbH0sIlZlcnRpY2FsQ29ubmVjdG9yU3R5bGUiOnsiJGlkIjoiMzky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0MDMiLCJDb2xvciI6eyIkaWQiOiI0MDQiLCJBIjowLCJSIjoyNTUsIkciOjI1NSwiQiI6MjU1fX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QyNiIsIkxpbmVDb2xvciI6bnVsbCwiTGluZVdlaWdodCI6MC4wLCJMaW5lVHlwZSI6MCwiUGFyZW50U3R5bGUiOm51bGx9LCJQYXJlbnRTdHlsZSI6bnVsbH0sIkhvcml6b250YWxDb25uZWN0b3JTdHlsZSI6eyIkaWQiOiI0MjciLCJMaW5lQ29sb3IiOnsiJHJlZiI6IjI3In0sIkxpbmVXZWlnaHQiOjEuMCwiTGluZVR5cGUiOjAsIlBhcmVudFN0eWxlIjpudWxsfSwiVmVydGljYWxDb25uZWN0b3JTdHlsZSI6eyIkaWQiOiI0Mjg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jkiLCJNYXJnaW4iOnsiJHJlZiI6IjMzIn0sIlBhZGRpbmciOnsiJHJlZiI6IjM0In0sIkJhY2tncm91bmQiOnsiJGlkIjoiNDMwIiwiQ29sb3IiOnsiJGlkIjoiNDMxIiwiQSI6MjU1LCJSIjo2OCwiRyI6MTE0LCJCIjoxOTZ9fSwiSXNWaXNpYmxlIjp0cnVlLCJXaWR0aCI6MC4wLCJIZWlnaHQiOjE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bnVsbH0sIlRpdGxlU3R5bGUiOnsiJGlkIjoiNDM1IiwiRm9udFNldHRpbmdzIjp7IiRpZCI6IjQzNiIsIkZvbnRTaXplIjoxMSwiRm9udE5hbWUiOiJDYWxpYnJpIiwiSXNCb2xkIjp0cnVlLCJJc0l0YWxpYyI6ZmFsc2UsIklzVW5kZXJsaW5lZCI6ZmFsc2UsIlBhcmVudFN0eWxlIjpudWxsfSwiQXV0b1NpemUiOjAsIkZvcmVncm91bmQiOnsiJGlkIjoiNDM3IiwiQ29sb3IiOnsiJGlkIjoiNDM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Q0NiIsIkNvbG9yIjp7IiRpZCI6IjQ0NyIsIkEiOjAsIlIiOjI1NSwiRyI6MjU1LCJCIjoyNTV9fSwiSXNWaXNpYmxlIjp0cnVlLCJXaWR0aCI6MC4wLCJIZWlnaHQiOjAuMCwiQm9yZGVyU3R5bGUiOnsiJGlkIjoiNDQ4IiwiTGluZUNvbG9yIjpudWxsLCJMaW5lV2VpZ2h0IjowLjAsIkxpbmVUeXBlIjowLCJQYXJlbnRTdHlsZSI6bnVsbH0sIlBhcmVudFN0eWxlIjpudWxsfSwiRGF0ZUZvcm1hdCI6eyIkaWQiOiI0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NjMsIlIiOjE2NSwiRyI6MTY1LCJCIjoxNjV9fSwiSXNWaXNpYmxlIjp0cnVlLCJXaWR0aCI6MC4wLCJIZWlnaHQiOjA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m51bGwsIklzVmlzaWJsZSI6dHJ1ZSwiV2lkdGgiOjAuMCwiSGVpZ2h0IjowLjAsIkJvcmRlclN0eWxlIjpudWxsLCJQYXJlbnRTdHlsZSI6bnVsbH0sIlJlY3Rhbmds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TY1LCJHIjoxNjUsIkIiOjE2NX19LCJJc1Zpc2libGUiOnRydWUsIldpZHRoIjowLjAsIkhlaWdodCI6M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1MTgiLCJMaW5lQ29sb3IiOm51bGwsIkxpbmVXZWlnaHQiOjAuMCwiTGluZVR5cGUiOjAsIlBhcmVudFN0eWxlIjpudWxsfSwiUGFyZW50U3R5bGUiOm51bGx9LCJEdXJhdGlvblN0eWxlIjp7IiRpZCI6IjUxOSIsIkZvbnRTZXR0aW5ncyI6eyIkaWQiOiI1Mj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UyMSIsIkxpbmVDb2xvciI6bnVsbCwiTGluZVdlaWdodCI6MC4wLCJMaW5lVHlwZSI6MCwiUGFyZW50U3R5bGUiOm51bGx9LCJQYXJlbnRTdHlsZSI6bnVsbH0sIkhvcml6b250YWxDb25uZWN0b3JTdHlsZSI6eyIkaWQiOiI1MjIiLCJMaW5lQ29sb3IiOnsiJHJlZiI6IjI3In0sIkxpbmVXZWlnaHQiOjEuMCwiTGluZVR5cGUiOjAsIlBhcmVudFN0eWxlIjpudWxsfSwiVmVydGljYWxDb25uZWN0b3JTdHlsZSI6eyIkaWQiOiI1MjM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U1MSIsIkxpbmVDb2xvciI6bnVsbCwiTGluZVdlaWdodCI6MC4wLCJMaW5lVHlwZSI6MCwiUGFyZW50U3R5bGUiOm51bGx9LCJQYXJlbnRTdHlsZSI6bnVsbH0sIkR1cmF0aW9uU3R5bGUiOnsiJGlkIjoiNTUyIiwiRm9udFNldHRpbmdzIjp7IiRpZCI6IjU1M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MjcifSwiTGluZVdlaWdodCI6MS4wLCJMaW5lVHlwZSI6MCwiUGFyZW50U3R5bGUiOm51bGx9LCJWZXJ0aWNhbENvbm5lY3RvclN0eWxlIjp7IiRpZCI6IjU1Ni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U2NSIsIkNvbG9yIjp7IiRpZCI6IjU2NiIsIkEiOjAsIlIiOjI1NSwiRyI6MjU1LCJCIjoyNTV9fSwiSXNWaXNpYmxlIjp0cnVlLCJXaWR0aCI6MC4wLCJIZWlnaHQiOjAuMCwiQm9yZGVyU3R5bGUiOnsiJGlkIjoiNTY3IiwiTGluZUNvbG9yIjpudWxsLCJMaW5lV2VpZ2h0IjowLjAsIkxpbmVUeXBlIjowLCJQYXJlbnRTdHlsZSI6bnVsbH0sIlBhcmVudFN0eWxlIjpudWxsfSwiRGF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U4NCIsIkxpbmVDb2xvciI6bnVsbCwiTGluZVdlaWdodCI6MC4wLCJMaW5lVHlwZSI6MCwiUGFyZW50U3R5bGUiOm51bGx9LCJQYXJlbnRTdHlsZSI6bnVsbH0sIkR1cmF0aW9uU3R5bGUiOnsiJGlkIjoiNTg1IiwiRm9udFNldHRpbmdzIjp7IiRpZCI6IjU4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g3IiwiTGluZUNvbG9yIjpudWxsLCJMaW5lV2VpZ2h0IjowLjAsIkxpbmVUeXBlIjowLCJQYXJlbnRTdHlsZSI6bnVsbH0sIlBhcmVudFN0eWxlIjpudWxsfSwiSG9yaXpvbnRhbENvbm5lY3RvclN0eWxlIjp7IiRpZCI6IjU4OCIsIkxpbmVDb2xvciI6eyIkcmVmIjoiMjcifSwiTGluZVdlaWdodCI6MS4wLCJMaW5lVHlwZSI6MCwiUGFyZW50U3R5bGUiOm51bGx9LCJWZXJ0aWNhbENvbm5lY3RvclN0eWxlIjp7IiRpZCI6IjU4OS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m51bGwsIklzVmlzaWJsZSI6dHJ1ZSwiV2lkdGgiOjAuMCwiSGVpZ2h0IjowLjAsIkJvcmRlclN0eWxlIjpudWxsLCJQYXJlbnRTdHlsZSI6bnVsbH0sIlJlY3RhbmdsZVN0eWxlIjp7IiRpZCI6IjY0NyIsIk1hcmdpbiI6eyIkaWQiOiI2NDgiLCJUb3AiOjAuMCwiTGVmdCI6MC4wLCJSaWdodCI6MC4wLCJCb3R0b20iOjAuMH0sIlBhZGRpbmciOnsiJGlkIjoiNjQ5IiwiVG9wIjowLjAsIkxlZnQiOjAuMCwiUmlnaHQiOjAuMCwiQm90dG9tIjowLjB9LCJCYWNrZ3JvdW5kIjp7IiRpZCI6IjY1MCIsIkNvbG9yIjp7IiRpZCI6IjY1MSIsIkEiOjI1NSwiUiI6MjU1LCJHIjoxOTIsIkIiOjB9fSwiSXNWaXNpYmxlIjp0cnVlLCJXaWR0aCI6MC4wLCJIZWlnaHQiOjA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2IiwiTGluZUNvbG9yIjpudWxsLCJMaW5lV2VpZ2h0IjowLjAsIkxpbmVUeXBlIjowLCJQYXJlbnRTdHlsZSI6bnVsbH0sIlBhcmVudFN0eWxlIjpudWxsfSwiRHVyYXRpb25TdHlsZSI6eyIkaWQiOiI2NzciLCJGb250U2V0dGluZ3MiOnsiJGlkIjoiNjc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zkiLCJMaW5lQ29sb3IiOm51bGwsIkxpbmVXZWlnaHQiOjAuMCwiTGluZVR5cGUiOjAsIlBhcmVudFN0eWxlIjpudWxsfSwiUGFyZW50U3R5bGUiOm51bGx9LCJIb3Jpem9udGFsQ29ubmVjdG9yU3R5bGUiOnsiJGlkIjoiNjgwIiwiTGluZUNvbG9yIjp7IiRyZWYiOiIyNyJ9LCJMaW5lV2VpZ2h0IjoxLjAsIkxpbmVUeXBlIjowLCJQYXJlbnRTdHlsZSI6bnVsbH0sIlZlcnRpY2FsQ29ubmVjdG9yU3R5bGUiOnsiJGlkIjoiNjgx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gyIiwiTWFyZ2luIjp7IiRyZWYiOiIzMyJ9LCJQYWRkaW5nIjp7IiRyZWYiOiIzNCJ9LCJCYWNrZ3JvdW5kIjp7IiRpZCI6IjY4MyIsIkNvbG9yIjp7IiRpZCI6IjY4NCIsIkEiOjI1NSwiUiI6NjgsIkciOjExNCwiQiI6MTk2fX0sIklzVmlzaWJsZSI6dHJ1ZSwiV2lkdGgiOjAuMCwiSGVpZ2h0IjoxMC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m51bGx9LCJUaXRsZVN0eWxlIjp7IiRpZCI6IjY4OCIsIkZvbnRTZXR0aW5ncyI6eyIkaWQiOiI2ODkiLCJGb250U2l6ZSI6MTEsIkZvbnROYW1lIjoiQ2FsaWJyaSIsIklzQm9sZCI6dHJ1ZSwiSXNJdGFsaWMiOmZhbHNlLCJJc1VuZGVybGluZWQiOmZhbHNlLCJQYXJlbnRTdHlsZSI6bnVsbH0sIkF1dG9TaXplIjowLCJGb3JlZ3JvdW5kIjp7IiRpZCI6IjY5MCIsIkNvbG9yIjp7IiRpZCI6IjY5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zEyIiwiTGluZUNvbG9yIjpudWxsLCJMaW5lV2VpZ2h0IjowLjAsIkxpbmVUeXBlIjowLCJQYXJlbnRTdHlsZSI6bnVsbH0sIlBhcmVudFN0eWxlIjpudWxsfSwiRHVyYXRpb25TdHlsZSI6eyIkaWQiOiI3MTMiLCJGb250U2V0dGluZ3MiOnsiJGlkIjoiNz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TUiLCJMaW5lQ29sb3IiOm51bGwsIkxpbmVXZWlnaHQiOjAuMCwiTGluZVR5cGUiOjAsIlBhcmVudFN0eWxlIjpudWxsfSwiUGFyZW50U3R5bGUiOm51bGx9LCJIb3Jpem9udGFsQ29ubmVjdG9yU3R5bGUiOnsiJGlkIjoiNzE2IiwiTGluZUNvbG9yIjp7IiRyZWYiOiIyNyJ9LCJMaW5lV2VpZ2h0IjoxLjAsIkxpbmVUeXBlIjowLCJQYXJlbnRTdHlsZSI6bnVsbH0sIlZlcnRpY2FsQ29ubmVjdG9yU3R5bGUiOnsiJGlkIjoiNzE3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ODA3IiwiTGluZUNvbG9yIjpudWxsLCJMaW5lV2VpZ2h0IjowLjAsIkxpbmVUeXBlIjowLCJQYXJlbnRTdHlsZSI6bnVsbH0sIlBhcmVudFN0eWxlIjpudWxsfSwiSG9yaXpvbnRhbENvbm5lY3RvclN0eWxlIjp7IiRpZCI6IjgwOCIsIkxpbmVDb2xvciI6eyIkcmVmIjoiMjcifSwiTGluZVdlaWdodCI6MS4wLCJMaW5lVHlwZSI6MCwiUGFyZW50U3R5bGUiOm51bGx9LCJWZXJ0aWNhbENvbm5lY3RvclN0eWxlIjp7IiRpZCI6IjgwOSIsIkxpbmVDb2xvciI6eyIkcmVmIjoiMzA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Rm9ybWF0Ijp7IiRpZCI6Ijg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kwMiIsIkxpbmVDb2xvciI6bnVsbCwiTGluZVdlaWdodCI6MC4wLCJMaW5lVHlwZSI6MCwiUGFyZW50U3R5bGUiOm51bGx9LCJQYXJlbnRTdHlsZSI6bnVsbH0sIkhvcml6b250YWxDb25uZWN0b3JTdHlsZSI6eyIkaWQiOiI5MDMiLCJMaW5lQ29sb3IiOnsiJHJlZiI6IjI3In0sIkxpbmVXZWlnaHQiOjEuMCwiTGluZVR5cGUiOjAsIlBhcmVudFN0eWxlIjpudWxsfSwiVmVydGljYWxDb25uZWN0b3JTdHlsZSI6eyIkaWQiOiI5MDQ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pZCI6IjkyMiIsIkNvbG9yIjp7IiRpZCI6IjkyMyIsIkEiOjAsIlIiOjI1NSwiRyI6MjU1LCJCIjoyNTV9fSwiSXNWaXNpYmxlIjp0cnVlLCJXaWR0aCI6MC4wLCJIZWlnaHQiOjAuMCwiQm9yZGVyU3R5bGUiOnsiJGlkIjoiOTI0IiwiTGluZUNvbG9yIjpudWxsLCJMaW5lV2VpZ2h0IjowLjAsIkxpbmVUeXBlIjowLCJQYXJlbnRTdHlsZSI6bnVsbH0sIlBhcmVudFN0eWxlIjpudWxsfSwiRGF0ZUZvcm1hdCI6eyIkaWQiOiI5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wLCJSIjowLCJHIjowLCJCIjowfX0sIklzVmlzaWJsZSI6dHJ1ZSwiV2lkdGgiOjAuMCwiSGVpZ2h0IjowLjAsIkJvcmRlclN0eWxlIjpudWxsLCJQYXJlbnRTdHlsZSI6bnVsbH0sIkRhdGVTdHlsZSI6eyIkaWQiOiIxMTE1IiwiRm9udFNldHRpbmdzIjp7IiRpZCI6IjExMTYiLCJGb250U2l6ZSI6MTAsIkZvbnROYW1lIjoiQ2FsaWJyaSIsIklzQm9sZCI6ZmFsc2UsIklzSXRhbGljIjpmYWxzZSwiSXNVbmRlcmxpbmVkIjpmYWxzZSwiUGFyZW50U3R5bGUiOm51bGx9LCJBdXRvU2l6ZSI6MCwiRm9yZWdyb3VuZCI6eyIkaWQiOiIxMTE3IiwiQ29sb3IiOnsiJGlkIjoiMTE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aWQiOiIxMTIyIiwiQSI6MCwiUiI6MCwiRyI6MCwiQiI6MH19LCJJc1Zpc2libGUiOnRydWUsIldpZHRoIjowLjAsIkhlaWdodCI6MC4wLCJCb3JkZXJTdHlsZSI6bnVsbCwiUGFyZW50U3R5bGUiOm51bGx9LCJEYXRlRm9ybWF0Ijp7IiRpZCI6IjE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NCIsIkZvcm1hdCI6MCwiSXNWaXNpYmxlIjpmYWxzZSwiTGFzdEtub3duVmlzaWJpbGl0eVN0YXRlIjpmYWxzZX0sIklzVmlzaWJsZSI6dHJ1ZSwiUGFyZW50U3R5bGUiOm51bGx9LCJEZWZhdWx0VGFza1N0eWxlIjp7IiRpZCI6IjExMjUiLCJTaGFwZSI6MSwiU2hhcGVUaGlja25lc3MiOjAsIkR1cmF0aW9uRm9ybWF0IjowLCJJbmNsdWRlTm9uV29ya2luZ0RheXNJbkR1cmF0aW9uIjpmYWxzZSwiUGVyY2VudGFnZUNvbXBsZXRlU3R5bGUiOnsiJGlkIjoiMTEyNiIsIkZvbnRTZXR0aW5ncyI6eyIkaWQiOiIxMTI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ExMjgiLCJGb250U2V0dGluZ3MiOnsiJGlkIjoiMTEy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ExMzAiLCJMaW5lQ29sb3IiOnsiJHJlZiI6IjI3In0sIkxpbmVXZWlnaHQiOjEuMCwiTGluZVR5cGUiOjAsIlBhcmVudFN0eWxlIjpudWxsfSwiVmVydGljYWxDb25uZWN0b3JTdHlsZSI6eyIkaWQiOiIxMTMxIiwiTGluZUNvbG9yIjp7IiRyZWYiOiIzM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E0MiIsIkNvbG9yIjp7IiRpZCI6IjExNDMiLCJBIjowLCJSIjowLCJHIjowLCJCIjowfX0sIklzVmlzaWJsZSI6dHJ1ZSwiV2lkdGgiOjAuMCwiSGVpZ2h0IjowLjAsIkJvcmRlclN0eWxlIjpudWxsLCJQYXJlbnRTdHlsZSI6bnVsbH0sIkRhdGVTdHlsZSI6eyIkaWQiOiIxMTQ0IiwiRm9udFNldHRpbmdzIjp7IiRpZCI6IjExNDUiLCJGb250U2l6ZSI6MTAsIkZvbnROYW1lIjoiQ2FsaWJyaSIsIklzQm9sZCI6ZmFsc2UsIklzSXRhbGljIjpmYWxzZSwiSXNVbmRlcmxpbmVkIjpmYWxzZSwiUGFyZW50U3R5bGUiOm51bGx9LCJBdXRvU2l6ZSI6MCwiRm9yZWdyb3VuZCI6eyIkaWQiOiIxMTQ2IiwiQ29sb3IiOnsiJGlkIjoiMTE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GlkIjoiMTE0OCIsIkNvbG9yIjp7IiRpZCI6IjExNDkiLCJBIjowLCJSIjowLCJHIjowLCJCIjowfX0sIklzVmlzaWJsZSI6dHJ1ZSwiV2lkdGgiOjAuMCwiSGVpZ2h0IjowLjAsIkJvcmRlclN0eWxlIjpudWxsLCJQYXJlbnRTdHlsZSI6bnVsbH0sIkRhdGVGb3JtYXQiOnsiJGlkIjoiMTE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xIiwiRm9ybWF0IjowLCJJc1Zpc2libGUiOmZhbHNlLCJMYXN0S25vd25WaXNpYmlsaXR5U3RhdGUiOmZhbHNlfSwiSXNWaXNpYmxlIjp0cnVlLCJQYXJlbnRTdHlsZSI6bnVsbCwiX2V4cGxpY2l0bHlTZXQiOnsiJGlkIjoiMTE1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5In0sIlBhZGRpbmciOnsiJHJlZiI6IjExMjAifSwiQmFja2dyb3VuZCI6eyIkaWQiOiIxMTk2IiwiQ29sb3IiOnsiJGlkIjoiMTE5NyIsIkEiOjAsIlIiOjI1NSwiRyI6MjU1LCJCIjoyNTV9fSwiSXNWaXNpYmxlIjp0cnVlLCJXaWR0aCI6MC4wLCJIZWlnaHQiOjAuMCwiQm9yZGVyU3R5bGUiOnsiJGlkIjoiMTE5OCIsIkxpbmVDb2xvciI6bnVsbCwiTGluZVdlaWdodCI6MC4wLCJMaW5lVHlwZSI6MCwiUGFyZW50U3R5bGUiOm51bGx9LCJQYXJlbnRTdHlsZSI6bnVsbH0sIkRhdGVGb3JtYXQiOnsiJGlkIjoiMTE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TkifSwiUGFkZGluZyI6eyIkcmVmIjoiMTEyMCJ9LCJCYWNrZ3JvdW5kIjp7IiRpZCI6IjEyMjUiLCJDb2xvciI6eyIkaWQiOiIxMjI2IiwiQSI6MCwiUiI6MjU1LCJHIjoyNTUsIkIiOjI1NX19LCJJc1Zpc2libGUiOnRydWUsIldpZHRoIjowLjAsIkhlaWdodCI6MC4wLCJCb3JkZXJTdHlsZSI6eyIkaWQiOiIxMjI3IiwiTGluZUNvbG9yIjpudWxsLCJMaW5lV2VpZ2h0IjowLjAsIkxpbmVUeXBlIjowLCJQYXJlbnRTdHlsZSI6bnVsbH0sIlBhcmVudFN0eWxlIjpudWxsfSwiRGF0ZUZvcm1hdCI6eyIkaWQiOiIxM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5In0sIlBhZGRpbmciOnsiJHJlZiI6IjExMjAifSwiQmFja2dyb3VuZCI6eyIkaWQiOiIxMjU0IiwiQ29sb3IiOnsiJGlkIjoiMTI1NSIsIkEiOjAsIlIiOjI1NSwiRyI6MjU1LCJCIjoyNTV9fSwiSXNWaXNpYmxlIjp0cnVlLCJXaWR0aCI6MC4wLCJIZWlnaHQiOjAuMCwiQm9yZGVyU3R5bGUiOnsiJGlkIjoiMTI1NiIsIkxpbmVDb2xvciI6bnVsbCwiTGluZVdlaWdodCI6MC4wLCJMaW5lVHlwZSI6MCwiUGFyZW50U3R5bGUiOm51bGx9LCJQYXJlbnRTdHlsZSI6bnVsbH0sIkRhdGVGb3JtYXQiOnsiJGlkIjoiMT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5In0sIlBhZGRpbmciOnsiJHJlZiI6IjExMjAifSwiQmFja2dyb3VuZCI6eyIkaWQiOiIxMjgzIiwiQ29sb3IiOnsiJGlkIjoiMTI4NCIsIkEiOjAsIlIiOjI1NSwiRyI6MjU1LCJCIjoyNTV9fSwiSXNWaXNpYmxlIjp0cnVlLCJXaWR0aCI6MC4wLCJIZWlnaHQiOjAuMCwiQm9yZGVyU3R5bGUiOnsiJGlkIjoiMTI4NSIsIkxpbmVDb2xvciI6bnVsbCwiTGluZVdlaWdodCI6MC4wLCJMaW5lVHlwZSI6MCwiUGFyZW50U3R5bGUiOm51bGx9LCJQYXJlbnRTdHlsZSI6bnVsbH0sIkRhdGVGb3JtYXQiOnsiJGlkIjoiMTI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OSJ9LCJQYWRkaW5nIjp7IiRyZWYiOiIxMTIwIn0sIkJhY2tncm91bmQiOnsiJGlkIjoiMTMxMiIsIkNvbG9yIjp7IiRpZCI6IjEzMTMiLCJBIjowLCJSIjoyNTUsIkciOjI1NSwiQiI6MjU1fX0sIklzVmlzaWJsZSI6dHJ1ZSwiV2lkdGgiOjAuMCwiSGVpZ2h0IjowLjAsIkJvcmRlclN0eWxlIjp7IiRpZCI6IjEzMTQiLCJMaW5lQ29sb3IiOm51bGwsIkxpbmVXZWlnaHQiOjAuMCwiTGluZVR5cGUiOjAsIlBhcmVudFN0eWxlIjpudWxsfSwiUGFyZW50U3R5bGUiOm51bGx9LCJEYXRlRm9ybWF0Ijp7IiRpZCI6IjEz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MTkifSwiUGFkZGluZyI6eyIkcmVmIjoiMTEyMCJ9LCJCYWNrZ3JvdW5kIjp7IiRpZCI6IjEzNDEiLCJDb2xvciI6eyIkaWQiOiIxMzQyIiwiQSI6MCwiUiI6MjU1LCJHIjoyNTUsIkIiOjI1NX19LCJJc1Zpc2libGUiOnRydWUsIldpZHRoIjowLjAsIkhlaWdodCI6MC4wLCJCb3JkZXJTdHlsZSI6eyIkaWQiOiIxMzQzIiwiTGluZUNvbG9yIjpudWxsLCJMaW5lV2VpZ2h0IjowLjAsIkxpbmVUeXBlIjowLCJQYXJlbnRTdHlsZSI6bnVsbH0sIlBhcmVudFN0eWxlIjpudWxsfSwiRGF0ZUZvcm1hdCI6eyIkaWQiOiIxM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E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xMzUwIiwiSW1wYU9wdGlvbnMiOnsiJGlkIjoiMTM1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TIiLCJVc2VUaW1lIjp0cnVlLCJXb3JrRGF5U3RhcnQiOiIwODowMDowMCIsIldvcmtEYXlFbmQiOiIxNjowMDowMCJ9LCJMYXN0VXNlZFRlbXBsYXRlSWQiOiJjYzI2Zjg2My0yN2NlLTQ4MGUtYTU4OS1iM2YxMmYyZDZlYjAiLCJGaXJzdFdlZWtPZlllYXIiOjAsIlBsYWNlTWlsZXN0b25lQXRUaGVCZWdpbm5pbmdPZlRoZURheSI6ZmFsc2UsIkRlcGVuZGVuY3lTY2hlZHVsaW5nU2V0dGluZ3MiOnsiJGlkIjoiMTM1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ung abgeschlossen"/>
  <p:tag name="OTLDATE" val="2022-12-01T13:00:00.0000000"/>
  <p:tag name="OTLPOSITIONONTASK" val="None"/>
  <p:tag name="OTLRELATEDTASKID" val="00000000-0000-0000-0000-000000000000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kt abgeschlossen"/>
  <p:tag name="OTLDATE" val="2022-12-15T10:00:00.0000000"/>
  <p:tag name="OTLPOSITIONONTASK" val="None"/>
  <p:tag name="OTLRELATEDTASKID" val="00000000-0000-0000-0000-00000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ten einplfege abgeschlossen"/>
  <p:tag name="OTLDATE" val="2022-12-14T16:00:00.0000000"/>
  <p:tag name="OTLPOSITIONONTASK" val="None"/>
  <p:tag name="OTLRELATEDTASKID" val="00000000-0000-0000-0000-000000000000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okumentation abgeschlossen"/>
  <p:tag name="OTLDATE" val="2022-12-14T12:00:00.0000000"/>
  <p:tag name="OTLPOSITIONONTASK" val="None"/>
  <p:tag name="OTLRELATEDTASKID" val="00000000-0000-0000-0000-000000000000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ualitätsmanagment abgeschlossen"/>
  <p:tag name="OTLDATE" val="2022-12-13T11:00:00.0000000"/>
  <p:tag name="OTLPOSITIONONTASK" val="None"/>
  <p:tag name="OTLRELATEDTASKID" val="00000000-0000-0000-0000-000000000000"/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sign abgeschlossen"/>
  <p:tag name="OTLDATE" val="2022-12-05T13:00:00.0000000"/>
  <p:tag name="OTLPOSITIONONTASK" val="None"/>
  <p:tag name="OTLRELATEDTASKID" val="00000000-0000-0000-0000-000000000000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6811f43b-b370-408e-af84-ed683252ed8f"/>
  <p:tag name="OTLDEPDESTINATIONID" val="c46e8b78-efa3-4998-ac71-1fdfbd58b965"/>
  <p:tag name="OTLDEPENDENCYLAGUNIT" val="Undefined"/>
  <p:tag name="OTLDEPENDENCYLAGVALUE" val="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c46e8b78-efa3-4998-ac71-1fdfbd58b965"/>
  <p:tag name="OTLDEPDESTINATIONID" val="8cd732c8-f072-4a7e-bbae-cd4ce58d586f"/>
  <p:tag name="OTLDEPENDENCYLAGUNIT" val="Undefined"/>
  <p:tag name="OTLDEPENDENCYLAGVALUE" val="0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8cd732c8-f072-4a7e-bbae-cd4ce58d586f"/>
  <p:tag name="OTLDEPDESTINATIONID" val="7579ecc2-279e-4d4e-8dcf-36cc86868171"/>
  <p:tag name="OTLDEPENDENCYLAGUNIT" val="Undefined"/>
  <p:tag name="OTLDEPENDENCYLAGVALUE" val="0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7579ecc2-279e-4d4e-8dcf-36cc86868171"/>
  <p:tag name="OTLDEPDESTINATIONID" val="c17e1254-44cc-40ae-ac8e-6cc920f81454"/>
  <p:tag name="OTLDEPENDENCYLAGUNIT" val="Undefined"/>
  <p:tag name="OTLDEPENDENCYLAGVALUE" val="0"/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c17e1254-44cc-40ae-ac8e-6cc920f81454"/>
  <p:tag name="OTLDEPDESTINATIONID" val="b1659d55-3558-4c59-94eb-61c225351bd1"/>
  <p:tag name="OTLDEPENDENCYLAGUNIT" val="Undefined"/>
  <p:tag name="OTLDEPENDENCYLAGVALUE" val="0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b1659d55-3558-4c59-94eb-61c225351bd1"/>
  <p:tag name="OTLDEPDESTINATIONID" val="86190e78-3721-4bec-b55c-8d597a484200"/>
  <p:tag name="OTLDEPENDENCYLAGUNIT" val="Undefined"/>
  <p:tag name="OTLDEPENDENCYLAGVALUE" val="0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86190e78-3721-4bec-b55c-8d597a484200"/>
  <p:tag name="OTLDEPDESTINATIONID" val="ce1c3f22-19b2-401b-9192-e20dc76040e0"/>
  <p:tag name="OTLDEPENDENCYLAGUNIT" val="Undefined"/>
  <p:tag name="OTLDEPENDENCYLAGVALUE" val="0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ce1c3f22-19b2-401b-9192-e20dc76040e0"/>
  <p:tag name="OTLDEPDESTINATIONID" val="79f72739-f7a7-4d44-a125-fe8d13cca6a8"/>
  <p:tag name="OTLDEPENDENCYLAGUNIT" val="Undefined"/>
  <p:tag name="OTLDEPENDENCYLAGVALUE" val="0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79f72739-f7a7-4d44-a125-fe8d13cca6a8"/>
  <p:tag name="OTLDEPDESTINATIONID" val="584518b5-e9b5-4334-9fb6-9d6d9bbe54de"/>
  <p:tag name="OTLDEPENDENCYLAGUNIT" val="Undefined"/>
  <p:tag name="OTLDEPENDENCYLAGVALUE" val="0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584518b5-e9b5-4334-9fb6-9d6d9bbe54de"/>
  <p:tag name="OTLDEPDESTINATIONID" val="d6e06bbc-8c83-4033-a86d-a293408f383f"/>
  <p:tag name="OTLDEPENDENCYLAGUNIT" val="Undefined"/>
  <p:tag name="OTLDEPENDENCYLAGVALUE" val="0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d6e06bbc-8c83-4033-a86d-a293408f383f"/>
  <p:tag name="OTLDEPDESTINATIONID" val="fad98add-ae47-4254-8423-5721a754da6d"/>
  <p:tag name="OTLDEPENDENCYLAGUNIT" val="Undefined"/>
  <p:tag name="OTLDEPENDENCYLAGVALUE" val="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fad98add-ae47-4254-8423-5721a754da6d"/>
  <p:tag name="OTLDEPDESTINATIONID" val="0715a09e-ccc0-4ba1-9f66-be2454df473f"/>
  <p:tag name="OTLDEPENDENCYLAGUNIT" val="Undefined"/>
  <p:tag name="OTLDEPENDENCYLAGVALUE" val="0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0715a09e-ccc0-4ba1-9f66-be2454df473f"/>
  <p:tag name="OTLDEPDESTINATIONID" val="09926dfe-9b36-4aff-9741-5b911919d64c"/>
  <p:tag name="OTLDEPENDENCYLAGUNIT" val="Undefined"/>
  <p:tag name="OTLDEPENDENCYLAGVALUE" val="0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09926dfe-9b36-4aff-9741-5b911919d64c"/>
  <p:tag name="OTLDEPDESTINATIONID" val="4498e3ce-5a62-4e37-9c41-dc5320d32c8a"/>
  <p:tag name="OTLDEPENDENCYLAGUNIT" val="Undefined"/>
  <p:tag name="OTLDEPENDENCYLAGVALUE" val="0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4498e3ce-5a62-4e37-9c41-dc5320d32c8a"/>
  <p:tag name="OTLDEPDESTINATIONID" val="39e8fa5c-e17a-41ee-90dc-bfa48c251789"/>
  <p:tag name="OTLDEPENDENCYLAGUNIT" val="Undefined"/>
  <p:tag name="OTLDEPENDENCYLAGVALUE" val="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2-12-15T10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6:00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LEFTENDCAPSMARGINLEFT" val="87.9754166666667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1T08:00:00.0000000Z"/>
  <p:tag name="OTLENDDATE" val="2022-12-01T10:00:00.0000000Z"/>
  <p:tag name="OTLDURATIONFORMAT" val="h"/>
  <p:tag name="OTLSPACING" val="3"/>
  <p:tag name="OTLSHAPETHICKNESSTYP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1T10:00:00.0000000Z"/>
  <p:tag name="OTLENDDATE" val="2022-12-01T13:00:00.0000000Z"/>
  <p:tag name="OTLDURATIONFORMAT" val="h"/>
  <p:tag name="OTLSPACING" val="3"/>
  <p:tag name="OTLSHAPETHICKNESSTYPE" val="Thin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1T13:00:00.0000000Z"/>
  <p:tag name="OTLENDDATE" val="2022-12-02T09:00:00.0000000Z"/>
  <p:tag name="OTLDURATIONFORMAT" val="h"/>
  <p:tag name="OTLSPACING" val="3"/>
  <p:tag name="OTLSHAPETHICKNESSTYPE" val="Thin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2T09:00:00.0000000Z"/>
  <p:tag name="OTLENDDATE" val="2022-12-02T11:00:00.0000000Z"/>
  <p:tag name="OTLDURATIONFORMAT" val="h"/>
  <p:tag name="OTLSPACING" val="3"/>
  <p:tag name="OTLSHAPETHICKNESSTYPE" val="Thin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2T11:00:00.0000000Z"/>
  <p:tag name="OTLENDDATE" val="2022-12-02T13:00:00.0000000Z"/>
  <p:tag name="OTLDURATIONFORMAT" val="h"/>
  <p:tag name="OTLSPACING" val="3"/>
  <p:tag name="OTLSHAPETHICKNESSTYPE" val="Thin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2T13:00:00.0000000Z"/>
  <p:tag name="OTLENDDATE" val="2022-12-05T10:00:00.0000000Z"/>
  <p:tag name="OTLDURATIONFORMAT" val="h"/>
  <p:tag name="OTLSPACING" val="3"/>
  <p:tag name="OTLSHAPETHICKNESSTYPE" val="Thin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5T09:00:00.0000000Z"/>
  <p:tag name="OTLENDDATE" val="2022-12-05T13:00:00.0000000Z"/>
  <p:tag name="OTLDURATIONFORMAT" val="h"/>
  <p:tag name="OTLSPACING" val="3"/>
  <p:tag name="OTLSHAPETHICKNESSTYPE" val="Thin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6T08:00:00.0000000Z"/>
  <p:tag name="OTLENDDATE" val="2022-12-07T10:00:00.0000000Z"/>
  <p:tag name="OTLDURATIONFORMAT" val="h"/>
  <p:tag name="OTLSPACING" val="3"/>
  <p:tag name="OTLSHAPETHICKNESSTYPE" val="Thin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7T10:00:00.0000000Z"/>
  <p:tag name="OTLENDDATE" val="2022-12-09T14:00:00.0000000"/>
  <p:tag name="OTLDURATIONFORMAT" val="h"/>
  <p:tag name="OTLSPACING" val="3"/>
  <p:tag name="OTLSHAPETHICKNESSTYPE" val="Thin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09T14:00:00.0000000Z"/>
  <p:tag name="OTLENDDATE" val="2022-12-12T09:00:00.0000000Z"/>
  <p:tag name="OTLDURATIONFORMAT" val="h"/>
  <p:tag name="OTLSPACING" val="3"/>
  <p:tag name="OTLSHAPETHICKNESSTYPE" val="Thin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2T09:00:00.0000000Z"/>
  <p:tag name="OTLENDDATE" val="2022-12-12T14:00:00.0000000Z"/>
  <p:tag name="OTLDURATIONFORMAT" val="h"/>
  <p:tag name="OTLSPACING" val="3"/>
  <p:tag name="OTLSHAPETHICKNESSTYPE" val="Thin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2T14:00:00.0000000Z"/>
  <p:tag name="OTLENDDATE" val="2022-12-13T11:00:00.0000000Z"/>
  <p:tag name="OTLDURATIONFORMAT" val="h"/>
  <p:tag name="OTLSPACING" val="3"/>
  <p:tag name="OTLSHAPETHICKNESSTYPE" val="Thin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3T11:00:00.0000000Z"/>
  <p:tag name="OTLENDDATE" val="2022-12-13T16:00:00.0000000Z"/>
  <p:tag name="OTLDURATIONFORMAT" val="h"/>
  <p:tag name="OTLSPACING" val="3"/>
  <p:tag name="OTLSHAPETHICKNESSTYPE" val="Thin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4T08:00:00.0000000Z"/>
  <p:tag name="OTLENDDATE" val="2022-12-14T12:00:00.0000000Z"/>
  <p:tag name="OTLDURATIONFORMAT" val="h"/>
  <p:tag name="OTLSPACING" val="3"/>
  <p:tag name="OTLSHAPETHICKNESSTYPE" val="Thin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4T12:00:00.0000000Z"/>
  <p:tag name="OTLENDDATE" val="2022-12-14T16:00:00.0000000Z"/>
  <p:tag name="OTLDURATIONFORMAT" val="h"/>
  <p:tag name="OTLSPACING" val="3"/>
  <p:tag name="OTLSHAPETHICKNESSTYPE" val="Thin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5T08:00:00.0000000Z"/>
  <p:tag name="OTLENDDATE" val="2022-12-15T10:00:00.0000000Z"/>
  <p:tag name="OTLDURATIONFORMAT" val="h"/>
  <p:tag name="OTLSPACING" val="3"/>
  <p:tag name="OTLSHAPETHICKNESSTYPE" val="Thin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87E1316A67DE6488C0B3410C0ED605F" ma:contentTypeVersion="15" ma:contentTypeDescription="Create a new document." ma:contentTypeScope="" ma:versionID="714a0128c63c7e986deef139303c5b40">
  <xsd:schema xmlns:xsd="http://www.w3.org/2001/XMLSchema" xmlns:xs="http://www.w3.org/2001/XMLSchema" xmlns:p="http://schemas.microsoft.com/office/2006/metadata/properties" xmlns:ns3="83afe62e-7cd8-47aa-af78-d2f1106f195e" xmlns:ns4="efa587be-a9be-41e7-ad77-a73dccd86907" targetNamespace="http://schemas.microsoft.com/office/2006/metadata/properties" ma:root="true" ma:fieldsID="bfa3853d23bd158e0175de0212b137e0" ns3:_="" ns4:_="">
    <xsd:import namespace="83afe62e-7cd8-47aa-af78-d2f1106f195e"/>
    <xsd:import namespace="efa587be-a9be-41e7-ad77-a73dccd86907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DateTaken" minOccurs="0"/>
                <xsd:element ref="ns3:MediaServiceLocation" minOccurs="0"/>
                <xsd:element ref="ns3:MediaLengthInSeconds" minOccurs="0"/>
                <xsd:element ref="ns3:_activit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3afe62e-7cd8-47aa-af78-d2f1106f195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9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20" nillable="true" ma:displayName="Location" ma:internalName="MediaServiceLocation" ma:readOnly="true">
      <xsd:simpleType>
        <xsd:restriction base="dms:Text"/>
      </xsd:simpleType>
    </xsd:element>
    <xsd:element name="MediaLengthInSeconds" ma:index="21" nillable="true" ma:displayName="Length (seconds)" ma:internalName="MediaLengthInSeconds" ma:readOnly="true">
      <xsd:simpleType>
        <xsd:restriction base="dms:Unknown"/>
      </xsd:simpleType>
    </xsd:element>
    <xsd:element name="_activity" ma:index="22" nillable="true" ma:displayName="_activity" ma:hidden="true" ma:internalName="_activity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fa587be-a9be-41e7-ad77-a73dccd86907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4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83afe62e-7cd8-47aa-af78-d2f1106f195e" xsi:nil="true"/>
  </documentManagement>
</p:properties>
</file>

<file path=customXml/itemProps1.xml><?xml version="1.0" encoding="utf-8"?>
<ds:datastoreItem xmlns:ds="http://schemas.openxmlformats.org/officeDocument/2006/customXml" ds:itemID="{F35C091D-4908-4486-B593-919C8319E5D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3afe62e-7cd8-47aa-af78-d2f1106f195e"/>
    <ds:schemaRef ds:uri="efa587be-a9be-41e7-ad77-a73dccd8690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7142505-58D5-4BFB-8F2D-48847259DA3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94A0EFF-480B-4D54-8CA0-56115375106B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efa587be-a9be-41e7-ad77-a73dccd86907"/>
    <ds:schemaRef ds:uri="83afe62e-7cd8-47aa-af78-d2f1106f195e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8</Words>
  <Application>Microsoft Office PowerPoint</Application>
  <PresentationFormat>Breitbild</PresentationFormat>
  <Paragraphs>74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12-07T13:00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87E1316A67DE6488C0B3410C0ED605F</vt:lpwstr>
  </property>
</Properties>
</file>